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theme/theme2.xml" ContentType="application/vnd.openxmlformats-officedocument.theme+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theme/theme3.xml" ContentType="application/vnd.openxmlformats-officedocument.theme+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theme/theme4.xml" ContentType="application/vnd.openxmlformats-officedocument.theme+xml"/>
  <Override PartName="/ppt/theme/theme5.xml" ContentType="application/vnd.openxmlformats-officedocument.theme+xml"/>
  <Override PartName="/ppt/theme/theme6.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60" r:id="rId1"/>
    <p:sldMasterId id="2147483666" r:id="rId2"/>
    <p:sldMasterId id="2147483669" r:id="rId3"/>
    <p:sldMasterId id="2147483679" r:id="rId4"/>
  </p:sldMasterIdLst>
  <p:notesMasterIdLst>
    <p:notesMasterId r:id="rId23"/>
  </p:notesMasterIdLst>
  <p:handoutMasterIdLst>
    <p:handoutMasterId r:id="rId24"/>
  </p:handoutMasterIdLst>
  <p:sldIdLst>
    <p:sldId id="383" r:id="rId5"/>
    <p:sldId id="1189" r:id="rId6"/>
    <p:sldId id="327" r:id="rId7"/>
    <p:sldId id="322" r:id="rId8"/>
    <p:sldId id="331" r:id="rId9"/>
    <p:sldId id="329" r:id="rId10"/>
    <p:sldId id="323" r:id="rId11"/>
    <p:sldId id="325" r:id="rId12"/>
    <p:sldId id="324" r:id="rId13"/>
    <p:sldId id="1123" r:id="rId14"/>
    <p:sldId id="1124" r:id="rId15"/>
    <p:sldId id="1125" r:id="rId16"/>
    <p:sldId id="1188" r:id="rId17"/>
    <p:sldId id="275" r:id="rId18"/>
    <p:sldId id="276" r:id="rId19"/>
    <p:sldId id="278" r:id="rId20"/>
    <p:sldId id="1191" r:id="rId21"/>
    <p:sldId id="277" r:id="rId22"/>
  </p:sldIdLst>
  <p:sldSz cx="9144000" cy="6858000" type="screen4x3"/>
  <p:notesSz cx="6858000" cy="9144000"/>
  <p:defaultTex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prnPr/>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31ADDF"/>
    <a:srgbClr val="E5FAFF"/>
    <a:srgbClr val="C8F2FF"/>
    <a:srgbClr val="70AD47"/>
    <a:srgbClr val="41BAB5"/>
    <a:srgbClr val="4472C4"/>
    <a:srgbClr val="46B564"/>
    <a:srgbClr val="00D02A"/>
    <a:srgbClr val="71DB21"/>
    <a:srgbClr val="00BD9C"/>
  </p:clrMru>
  <p:extLst>
    <p:ext uri="{E76CE94A-603C-4142-B9EB-6D1370010A27}">
      <p14:discardImageEditData xmlns:p14="http://schemas.microsoft.com/office/powerpoint/2010/main" val="0"/>
    </p:ext>
    <p:ext uri="{D31A062A-798A-4329-ABDD-BBA856620510}">
      <p14:defaultImageDpi xmlns:p14="http://schemas.microsoft.com/office/powerpoint/2010/main" val="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8003" autoAdjust="0"/>
    <p:restoredTop sz="86410" autoAdjust="0"/>
  </p:normalViewPr>
  <p:slideViewPr>
    <p:cSldViewPr snapToGrid="0" snapToObjects="1">
      <p:cViewPr varScale="1">
        <p:scale>
          <a:sx n="68" d="100"/>
          <a:sy n="68" d="100"/>
        </p:scale>
        <p:origin x="78" y="156"/>
      </p:cViewPr>
      <p:guideLst>
        <p:guide orient="horz" pos="2160"/>
        <p:guide pos="2880"/>
      </p:guideLst>
    </p:cSldViewPr>
  </p:slideViewPr>
  <p:outlineViewPr>
    <p:cViewPr>
      <p:scale>
        <a:sx n="33" d="100"/>
        <a:sy n="33" d="100"/>
      </p:scale>
      <p:origin x="0" y="-7296"/>
    </p:cViewPr>
  </p:outlineViewPr>
  <p:notesTextViewPr>
    <p:cViewPr>
      <p:scale>
        <a:sx n="100" d="100"/>
        <a:sy n="100" d="100"/>
      </p:scale>
      <p:origin x="0" y="0"/>
    </p:cViewPr>
  </p:notesTextViewPr>
  <p:sorterViewPr>
    <p:cViewPr>
      <p:scale>
        <a:sx n="66" d="100"/>
        <a:sy n="66" d="100"/>
      </p:scale>
      <p:origin x="0" y="0"/>
    </p:cViewPr>
  </p:sorter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viewProps" Target="viewProps.xml"/><Relationship Id="rId3" Type="http://schemas.openxmlformats.org/officeDocument/2006/relationships/slideMaster" Target="slideMasters/slideMaster3.xml"/><Relationship Id="rId21" Type="http://schemas.openxmlformats.org/officeDocument/2006/relationships/slide" Target="slides/slide17.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presProps" Target="presProps.xml"/><Relationship Id="rId2" Type="http://schemas.openxmlformats.org/officeDocument/2006/relationships/slideMaster" Target="slideMasters/slideMaster2.xml"/><Relationship Id="rId16" Type="http://schemas.openxmlformats.org/officeDocument/2006/relationships/slide" Target="slides/slide12.xml"/><Relationship Id="rId20" Type="http://schemas.openxmlformats.org/officeDocument/2006/relationships/slide" Target="slides/slide16.xml"/><Relationship Id="rId1" Type="http://schemas.openxmlformats.org/officeDocument/2006/relationships/slideMaster" Target="slideMasters/slideMaster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handoutMaster" Target="handoutMasters/handoutMaster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notesMaster" Target="notesMasters/notesMaster1.xml"/><Relationship Id="rId28" Type="http://schemas.openxmlformats.org/officeDocument/2006/relationships/tableStyles" Target="tableStyles.xml"/><Relationship Id="rId10" Type="http://schemas.openxmlformats.org/officeDocument/2006/relationships/slide" Target="slides/slide6.xml"/><Relationship Id="rId19" Type="http://schemas.openxmlformats.org/officeDocument/2006/relationships/slide" Target="slides/slide15.xml"/><Relationship Id="rId4" Type="http://schemas.openxmlformats.org/officeDocument/2006/relationships/slideMaster" Target="slideMasters/slideMaster4.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theme" Target="theme/theme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4.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6.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sz="quarter" idx="1"/>
          </p:nvPr>
        </p:nvSpPr>
        <p:spPr>
          <a:xfrm>
            <a:off x="3884613" y="0"/>
            <a:ext cx="2971800" cy="457200"/>
          </a:xfrm>
          <a:prstGeom prst="rect">
            <a:avLst/>
          </a:prstGeom>
        </p:spPr>
        <p:txBody>
          <a:bodyPr vert="horz" lIns="91440" tIns="45720" rIns="91440" bIns="45720" rtlCol="0"/>
          <a:lstStyle>
            <a:lvl1pPr algn="r">
              <a:defRPr sz="1200"/>
            </a:lvl1pPr>
          </a:lstStyle>
          <a:p>
            <a:fld id="{A4592EBA-43FB-B647-9888-CD15C08D4D9F}" type="datetimeFigureOut">
              <a:rPr lang="en-US" smtClean="0"/>
              <a:t>11/7/2018</a:t>
            </a:fld>
            <a:endParaRPr lang="en-US" dirty="0"/>
          </a:p>
        </p:txBody>
      </p:sp>
      <p:sp>
        <p:nvSpPr>
          <p:cNvPr id="4" name="Footer Placeholder 3"/>
          <p:cNvSpPr>
            <a:spLocks noGrp="1"/>
          </p:cNvSpPr>
          <p:nvPr>
            <p:ph type="ftr" sz="quarter" idx="2"/>
          </p:nvPr>
        </p:nvSpPr>
        <p:spPr>
          <a:xfrm>
            <a:off x="0" y="8685213"/>
            <a:ext cx="2971800" cy="457200"/>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p:cNvSpPr>
            <a:spLocks noGrp="1"/>
          </p:cNvSpPr>
          <p:nvPr>
            <p:ph type="sldNum" sz="quarter" idx="3"/>
          </p:nvPr>
        </p:nvSpPr>
        <p:spPr>
          <a:xfrm>
            <a:off x="3884613" y="8685213"/>
            <a:ext cx="2971800" cy="457200"/>
          </a:xfrm>
          <a:prstGeom prst="rect">
            <a:avLst/>
          </a:prstGeom>
        </p:spPr>
        <p:txBody>
          <a:bodyPr vert="horz" lIns="91440" tIns="45720" rIns="91440" bIns="45720" rtlCol="0" anchor="b"/>
          <a:lstStyle>
            <a:lvl1pPr algn="r">
              <a:defRPr sz="1200"/>
            </a:lvl1pPr>
          </a:lstStyle>
          <a:p>
            <a:fld id="{0A9C49D8-EDC7-AF45-ABB3-582356FA707D}" type="slidenum">
              <a:rPr lang="en-US" smtClean="0"/>
              <a:t>‹#›</a:t>
            </a:fld>
            <a:endParaRPr lang="en-US" dirty="0"/>
          </a:p>
        </p:txBody>
      </p:sp>
    </p:spTree>
    <p:extLst>
      <p:ext uri="{BB962C8B-B14F-4D97-AF65-F5344CB8AC3E}">
        <p14:creationId xmlns:p14="http://schemas.microsoft.com/office/powerpoint/2010/main" val="4188155837"/>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5D173CDF-EEB2-954C-B175-AFBB788302A9}" type="datetimeFigureOut">
              <a:rPr lang="en-US" smtClean="0"/>
              <a:t>11/7/2018</a:t>
            </a:fld>
            <a:endParaRPr lang="en-US" dirty="0"/>
          </a:p>
        </p:txBody>
      </p:sp>
      <p:sp>
        <p:nvSpPr>
          <p:cNvPr id="4" name="Slide Image Placeholder 3"/>
          <p:cNvSpPr>
            <a:spLocks noGrp="1" noRot="1" noChangeAspect="1"/>
          </p:cNvSpPr>
          <p:nvPr>
            <p:ph type="sldImg" idx="2"/>
          </p:nvPr>
        </p:nvSpPr>
        <p:spPr>
          <a:xfrm>
            <a:off x="1143000" y="685800"/>
            <a:ext cx="4572000" cy="34290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7200"/>
          </a:xfrm>
          <a:prstGeom prst="rect">
            <a:avLst/>
          </a:prstGeom>
        </p:spPr>
        <p:txBody>
          <a:bodyPr vert="horz" lIns="91440" tIns="45720" rIns="91440" bIns="45720" rtlCol="0" anchor="b"/>
          <a:lstStyle>
            <a:lvl1pPr algn="r">
              <a:defRPr sz="1200"/>
            </a:lvl1pPr>
          </a:lstStyle>
          <a:p>
            <a:fld id="{C33E3FFC-5315-B348-AB71-B1CE753340B0}" type="slidenum">
              <a:rPr lang="en-US" smtClean="0"/>
              <a:t>‹#›</a:t>
            </a:fld>
            <a:endParaRPr lang="en-US" dirty="0"/>
          </a:p>
        </p:txBody>
      </p:sp>
    </p:spTree>
    <p:extLst>
      <p:ext uri="{BB962C8B-B14F-4D97-AF65-F5344CB8AC3E}">
        <p14:creationId xmlns:p14="http://schemas.microsoft.com/office/powerpoint/2010/main" val="1245382538"/>
      </p:ext>
    </p:extLst>
  </p:cSld>
  <p:clrMap bg1="lt1" tx1="dk1" bg2="lt2" tx2="dk2" accent1="accent1" accent2="accent2" accent3="accent3" accent4="accent4" accent5="accent5" accent6="accent6" hlink="hlink" folHlink="folHlink"/>
  <p:hf hdr="0" ftr="0" dt="0"/>
  <p:notesStyle>
    <a:lvl1pPr marL="0" algn="l" defTabSz="457200" rtl="0" eaLnBrk="1" latinLnBrk="0" hangingPunct="1">
      <a:defRPr sz="1200" kern="1200">
        <a:solidFill>
          <a:schemeClr val="tx1"/>
        </a:solidFill>
        <a:latin typeface="+mn-lt"/>
        <a:ea typeface="+mn-ea"/>
        <a:cs typeface="+mn-cs"/>
      </a:defRPr>
    </a:lvl1pPr>
    <a:lvl2pPr marL="457200" algn="l" defTabSz="457200" rtl="0" eaLnBrk="1" latinLnBrk="0" hangingPunct="1">
      <a:defRPr sz="1200" kern="1200">
        <a:solidFill>
          <a:schemeClr val="tx1"/>
        </a:solidFill>
        <a:latin typeface="+mn-lt"/>
        <a:ea typeface="+mn-ea"/>
        <a:cs typeface="+mn-cs"/>
      </a:defRPr>
    </a:lvl2pPr>
    <a:lvl3pPr marL="914400" algn="l" defTabSz="457200" rtl="0" eaLnBrk="1" latinLnBrk="0" hangingPunct="1">
      <a:defRPr sz="1200" kern="1200">
        <a:solidFill>
          <a:schemeClr val="tx1"/>
        </a:solidFill>
        <a:latin typeface="+mn-lt"/>
        <a:ea typeface="+mn-ea"/>
        <a:cs typeface="+mn-cs"/>
      </a:defRPr>
    </a:lvl3pPr>
    <a:lvl4pPr marL="1371600" algn="l" defTabSz="457200" rtl="0" eaLnBrk="1" latinLnBrk="0" hangingPunct="1">
      <a:defRPr sz="1200" kern="1200">
        <a:solidFill>
          <a:schemeClr val="tx1"/>
        </a:solidFill>
        <a:latin typeface="+mn-lt"/>
        <a:ea typeface="+mn-ea"/>
        <a:cs typeface="+mn-cs"/>
      </a:defRPr>
    </a:lvl4pPr>
    <a:lvl5pPr marL="1828800" algn="l" defTabSz="457200" rtl="0" eaLnBrk="1" latinLnBrk="0" hangingPunct="1">
      <a:defRPr sz="1200" kern="1200">
        <a:solidFill>
          <a:schemeClr val="tx1"/>
        </a:solidFill>
        <a:latin typeface="+mn-lt"/>
        <a:ea typeface="+mn-ea"/>
        <a:cs typeface="+mn-cs"/>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FE43341C-315D-E44C-AB0F-E4B0C865F4EA}" type="slidenum">
              <a:rPr kumimoji="0" lang="en-US" sz="1400" b="0" i="0" u="none" strike="noStrike" kern="0" cap="none" spc="0" normalizeH="0" baseline="0" noProof="0" smtClean="0">
                <a:ln>
                  <a:noFill/>
                </a:ln>
                <a:solidFill>
                  <a:srgbClr val="000000"/>
                </a:solidFill>
                <a:effectLst/>
                <a:uLnTx/>
                <a:uFillTx/>
                <a:latin typeface="Arial"/>
                <a:cs typeface="Arial"/>
                <a:sym typeface="Arial"/>
              </a:rPr>
              <a:pPr marL="0" marR="0" lvl="0" indent="0" algn="l" defTabSz="914400" rtl="0" eaLnBrk="1" fontAlgn="auto" latinLnBrk="0" hangingPunct="1">
                <a:lnSpc>
                  <a:spcPct val="100000"/>
                </a:lnSpc>
                <a:spcBef>
                  <a:spcPts val="0"/>
                </a:spcBef>
                <a:spcAft>
                  <a:spcPts val="0"/>
                </a:spcAft>
                <a:buClrTx/>
                <a:buSzTx/>
                <a:buFontTx/>
                <a:buNone/>
                <a:tabLst/>
                <a:defRPr/>
              </a:pPr>
              <a:t>1</a:t>
            </a:fld>
            <a:endParaRPr kumimoji="0" lang="en-US" sz="1400" b="0" i="0" u="none" strike="noStrike" kern="0" cap="none" spc="0" normalizeH="0" baseline="0" noProof="0">
              <a:ln>
                <a:noFill/>
              </a:ln>
              <a:solidFill>
                <a:srgbClr val="000000"/>
              </a:solidFill>
              <a:effectLst/>
              <a:uLnTx/>
              <a:uFillTx/>
              <a:latin typeface="Arial"/>
              <a:cs typeface="Arial"/>
              <a:sym typeface="Arial"/>
            </a:endParaRPr>
          </a:p>
        </p:txBody>
      </p:sp>
    </p:spTree>
    <p:extLst>
      <p:ext uri="{BB962C8B-B14F-4D97-AF65-F5344CB8AC3E}">
        <p14:creationId xmlns:p14="http://schemas.microsoft.com/office/powerpoint/2010/main" val="189487271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7042"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84995" name="Notes Placeholder 2"/>
          <p:cNvSpPr>
            <a:spLocks noGrp="1"/>
          </p:cNvSpPr>
          <p:nvPr>
            <p:ph type="body" idx="1"/>
          </p:nvPr>
        </p:nvSpPr>
        <p:spPr bwMode="auto">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defRPr/>
            </a:pPr>
            <a:endParaRPr lang="en-US" altLang="en-US" b="0" dirty="0"/>
          </a:p>
        </p:txBody>
      </p:sp>
      <p:sp>
        <p:nvSpPr>
          <p:cNvPr id="87044"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Ctr="0" compatLnSpc="1">
            <a:prstTxWarp prst="textNoShape">
              <a:avLst/>
            </a:prstTxWarp>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r" defTabSz="912813" rtl="0" eaLnBrk="1" fontAlgn="base" latinLnBrk="0" hangingPunct="1">
              <a:lnSpc>
                <a:spcPct val="100000"/>
              </a:lnSpc>
              <a:spcBef>
                <a:spcPct val="0"/>
              </a:spcBef>
              <a:spcAft>
                <a:spcPct val="0"/>
              </a:spcAft>
              <a:buClrTx/>
              <a:buSzTx/>
              <a:buFontTx/>
              <a:buNone/>
              <a:tabLst/>
              <a:defRPr/>
            </a:pPr>
            <a:fld id="{1D632557-071E-447A-B0E3-A7314572B56A}" type="slidenum">
              <a:rPr kumimoji="0" lang="en-US" altLang="en-US" sz="1200" b="0" i="0" u="none" strike="noStrike" kern="1200" cap="none" spc="0" normalizeH="0" baseline="0" noProof="0" smtClean="0">
                <a:ln>
                  <a:noFill/>
                </a:ln>
                <a:solidFill>
                  <a:srgbClr val="000000"/>
                </a:solidFill>
                <a:effectLst/>
                <a:uLnTx/>
                <a:uFillTx/>
                <a:latin typeface="Calibri" panose="020F0502020204030204" pitchFamily="34" charset="0"/>
                <a:ea typeface="+mn-ea"/>
                <a:cs typeface="+mn-cs"/>
              </a:rPr>
              <a:pPr marL="0" marR="0" lvl="0" indent="0" algn="r" defTabSz="912813" rtl="0" eaLnBrk="1" fontAlgn="base" latinLnBrk="0" hangingPunct="1">
                <a:lnSpc>
                  <a:spcPct val="100000"/>
                </a:lnSpc>
                <a:spcBef>
                  <a:spcPct val="0"/>
                </a:spcBef>
                <a:spcAft>
                  <a:spcPct val="0"/>
                </a:spcAft>
                <a:buClrTx/>
                <a:buSzTx/>
                <a:buFontTx/>
                <a:buNone/>
                <a:tabLst/>
                <a:defRPr/>
              </a:pPr>
              <a:t>10</a:t>
            </a:fld>
            <a:endParaRPr kumimoji="0" lang="en-US"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Tree>
    <p:extLst>
      <p:ext uri="{BB962C8B-B14F-4D97-AF65-F5344CB8AC3E}">
        <p14:creationId xmlns:p14="http://schemas.microsoft.com/office/powerpoint/2010/main" val="299621030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4403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endParaRPr lang="en-US" altLang="en-US" dirty="0"/>
          </a:p>
        </p:txBody>
      </p:sp>
      <p:sp>
        <p:nvSpPr>
          <p:cNvPr id="44036"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Ctr="0" compatLnSpc="1">
            <a:prstTxWarp prst="textNoShape">
              <a:avLst/>
            </a:prstTxWarp>
          </a:bodyPr>
          <a:lstStyle>
            <a:lvl1pPr>
              <a:defRPr>
                <a:solidFill>
                  <a:schemeClr val="tx1"/>
                </a:solidFill>
                <a:latin typeface="Calibri" panose="020F0502020204030204" pitchFamily="34" charset="0"/>
              </a:defRPr>
            </a:lvl1pPr>
            <a:lvl2pPr marL="751271" indent="-288950">
              <a:defRPr>
                <a:solidFill>
                  <a:schemeClr val="tx1"/>
                </a:solidFill>
                <a:latin typeface="Calibri" panose="020F0502020204030204" pitchFamily="34" charset="0"/>
              </a:defRPr>
            </a:lvl2pPr>
            <a:lvl3pPr marL="1155802" indent="-231160">
              <a:defRPr>
                <a:solidFill>
                  <a:schemeClr val="tx1"/>
                </a:solidFill>
                <a:latin typeface="Calibri" panose="020F0502020204030204" pitchFamily="34" charset="0"/>
              </a:defRPr>
            </a:lvl3pPr>
            <a:lvl4pPr marL="1618122" indent="-231160">
              <a:defRPr>
                <a:solidFill>
                  <a:schemeClr val="tx1"/>
                </a:solidFill>
                <a:latin typeface="Calibri" panose="020F0502020204030204" pitchFamily="34" charset="0"/>
              </a:defRPr>
            </a:lvl4pPr>
            <a:lvl5pPr marL="2080443" indent="-231160">
              <a:defRPr>
                <a:solidFill>
                  <a:schemeClr val="tx1"/>
                </a:solidFill>
                <a:latin typeface="Calibri" panose="020F0502020204030204" pitchFamily="34" charset="0"/>
              </a:defRPr>
            </a:lvl5pPr>
            <a:lvl6pPr marL="2542764" indent="-231160" defTabSz="923037" eaLnBrk="0" fontAlgn="base" hangingPunct="0">
              <a:spcBef>
                <a:spcPct val="0"/>
              </a:spcBef>
              <a:spcAft>
                <a:spcPct val="0"/>
              </a:spcAft>
              <a:defRPr>
                <a:solidFill>
                  <a:schemeClr val="tx1"/>
                </a:solidFill>
                <a:latin typeface="Calibri" panose="020F0502020204030204" pitchFamily="34" charset="0"/>
              </a:defRPr>
            </a:lvl6pPr>
            <a:lvl7pPr marL="3005084" indent="-231160" defTabSz="923037" eaLnBrk="0" fontAlgn="base" hangingPunct="0">
              <a:spcBef>
                <a:spcPct val="0"/>
              </a:spcBef>
              <a:spcAft>
                <a:spcPct val="0"/>
              </a:spcAft>
              <a:defRPr>
                <a:solidFill>
                  <a:schemeClr val="tx1"/>
                </a:solidFill>
                <a:latin typeface="Calibri" panose="020F0502020204030204" pitchFamily="34" charset="0"/>
              </a:defRPr>
            </a:lvl7pPr>
            <a:lvl8pPr marL="3467405" indent="-231160" defTabSz="923037" eaLnBrk="0" fontAlgn="base" hangingPunct="0">
              <a:spcBef>
                <a:spcPct val="0"/>
              </a:spcBef>
              <a:spcAft>
                <a:spcPct val="0"/>
              </a:spcAft>
              <a:defRPr>
                <a:solidFill>
                  <a:schemeClr val="tx1"/>
                </a:solidFill>
                <a:latin typeface="Calibri" panose="020F0502020204030204" pitchFamily="34" charset="0"/>
              </a:defRPr>
            </a:lvl8pPr>
            <a:lvl9pPr marL="3929725" indent="-231160" defTabSz="923037"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r" defTabSz="923037" rtl="0" eaLnBrk="1" fontAlgn="base" latinLnBrk="0" hangingPunct="1">
              <a:lnSpc>
                <a:spcPct val="100000"/>
              </a:lnSpc>
              <a:spcBef>
                <a:spcPct val="0"/>
              </a:spcBef>
              <a:spcAft>
                <a:spcPct val="0"/>
              </a:spcAft>
              <a:buClrTx/>
              <a:buSzTx/>
              <a:buFontTx/>
              <a:buNone/>
              <a:tabLst/>
              <a:defRPr/>
            </a:pPr>
            <a:fld id="{C955F867-FDDF-45DD-8D2B-07921043E699}" type="slidenum">
              <a:rPr kumimoji="0" lang="en-US" altLang="en-US" sz="1200" b="0" i="0" u="none" strike="noStrike" kern="1200" cap="none" spc="0" normalizeH="0" baseline="0" noProof="0" smtClean="0">
                <a:ln>
                  <a:noFill/>
                </a:ln>
                <a:solidFill>
                  <a:srgbClr val="000000"/>
                </a:solidFill>
                <a:effectLst/>
                <a:uLnTx/>
                <a:uFillTx/>
                <a:latin typeface="Calibri" panose="020F0502020204030204" pitchFamily="34" charset="0"/>
                <a:ea typeface="+mn-ea"/>
                <a:cs typeface="+mn-cs"/>
              </a:rPr>
              <a:pPr marL="0" marR="0" lvl="0" indent="0" algn="r" defTabSz="923037" rtl="0" eaLnBrk="1" fontAlgn="base" latinLnBrk="0" hangingPunct="1">
                <a:lnSpc>
                  <a:spcPct val="100000"/>
                </a:lnSpc>
                <a:spcBef>
                  <a:spcPct val="0"/>
                </a:spcBef>
                <a:spcAft>
                  <a:spcPct val="0"/>
                </a:spcAft>
                <a:buClrTx/>
                <a:buSzTx/>
                <a:buFontTx/>
                <a:buNone/>
                <a:tabLst/>
                <a:defRPr/>
              </a:pPr>
              <a:t>11</a:t>
            </a:fld>
            <a:endParaRPr kumimoji="0" lang="en-US"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Tree>
    <p:extLst>
      <p:ext uri="{BB962C8B-B14F-4D97-AF65-F5344CB8AC3E}">
        <p14:creationId xmlns:p14="http://schemas.microsoft.com/office/powerpoint/2010/main" val="85324848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0"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48131"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endParaRPr lang="en-US" altLang="en-US" dirty="0"/>
          </a:p>
        </p:txBody>
      </p:sp>
      <p:sp>
        <p:nvSpPr>
          <p:cNvPr id="48132"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Ctr="0" compatLnSpc="1">
            <a:prstTxWarp prst="textNoShape">
              <a:avLst/>
            </a:prstTxWarp>
          </a:bodyPr>
          <a:lstStyle>
            <a:lvl1pPr>
              <a:defRPr>
                <a:solidFill>
                  <a:schemeClr val="tx1"/>
                </a:solidFill>
                <a:latin typeface="Calibri" panose="020F0502020204030204" pitchFamily="34" charset="0"/>
              </a:defRPr>
            </a:lvl1pPr>
            <a:lvl2pPr marL="751271" indent="-288950">
              <a:defRPr>
                <a:solidFill>
                  <a:schemeClr val="tx1"/>
                </a:solidFill>
                <a:latin typeface="Calibri" panose="020F0502020204030204" pitchFamily="34" charset="0"/>
              </a:defRPr>
            </a:lvl2pPr>
            <a:lvl3pPr marL="1155802" indent="-231160">
              <a:defRPr>
                <a:solidFill>
                  <a:schemeClr val="tx1"/>
                </a:solidFill>
                <a:latin typeface="Calibri" panose="020F0502020204030204" pitchFamily="34" charset="0"/>
              </a:defRPr>
            </a:lvl3pPr>
            <a:lvl4pPr marL="1618122" indent="-231160">
              <a:defRPr>
                <a:solidFill>
                  <a:schemeClr val="tx1"/>
                </a:solidFill>
                <a:latin typeface="Calibri" panose="020F0502020204030204" pitchFamily="34" charset="0"/>
              </a:defRPr>
            </a:lvl4pPr>
            <a:lvl5pPr marL="2080443" indent="-231160">
              <a:defRPr>
                <a:solidFill>
                  <a:schemeClr val="tx1"/>
                </a:solidFill>
                <a:latin typeface="Calibri" panose="020F0502020204030204" pitchFamily="34" charset="0"/>
              </a:defRPr>
            </a:lvl5pPr>
            <a:lvl6pPr marL="2542764" indent="-231160" defTabSz="923037" eaLnBrk="0" fontAlgn="base" hangingPunct="0">
              <a:spcBef>
                <a:spcPct val="0"/>
              </a:spcBef>
              <a:spcAft>
                <a:spcPct val="0"/>
              </a:spcAft>
              <a:defRPr>
                <a:solidFill>
                  <a:schemeClr val="tx1"/>
                </a:solidFill>
                <a:latin typeface="Calibri" panose="020F0502020204030204" pitchFamily="34" charset="0"/>
              </a:defRPr>
            </a:lvl6pPr>
            <a:lvl7pPr marL="3005084" indent="-231160" defTabSz="923037" eaLnBrk="0" fontAlgn="base" hangingPunct="0">
              <a:spcBef>
                <a:spcPct val="0"/>
              </a:spcBef>
              <a:spcAft>
                <a:spcPct val="0"/>
              </a:spcAft>
              <a:defRPr>
                <a:solidFill>
                  <a:schemeClr val="tx1"/>
                </a:solidFill>
                <a:latin typeface="Calibri" panose="020F0502020204030204" pitchFamily="34" charset="0"/>
              </a:defRPr>
            </a:lvl7pPr>
            <a:lvl8pPr marL="3467405" indent="-231160" defTabSz="923037" eaLnBrk="0" fontAlgn="base" hangingPunct="0">
              <a:spcBef>
                <a:spcPct val="0"/>
              </a:spcBef>
              <a:spcAft>
                <a:spcPct val="0"/>
              </a:spcAft>
              <a:defRPr>
                <a:solidFill>
                  <a:schemeClr val="tx1"/>
                </a:solidFill>
                <a:latin typeface="Calibri" panose="020F0502020204030204" pitchFamily="34" charset="0"/>
              </a:defRPr>
            </a:lvl8pPr>
            <a:lvl9pPr marL="3929725" indent="-231160" defTabSz="923037"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r" defTabSz="923037" rtl="0" eaLnBrk="1" fontAlgn="base" latinLnBrk="0" hangingPunct="1">
              <a:lnSpc>
                <a:spcPct val="100000"/>
              </a:lnSpc>
              <a:spcBef>
                <a:spcPct val="0"/>
              </a:spcBef>
              <a:spcAft>
                <a:spcPct val="0"/>
              </a:spcAft>
              <a:buClrTx/>
              <a:buSzTx/>
              <a:buFontTx/>
              <a:buNone/>
              <a:tabLst/>
              <a:defRPr/>
            </a:pPr>
            <a:fld id="{C1BE7C57-FF0B-415D-8E99-8264BBB073BF}" type="slidenum">
              <a:rPr kumimoji="0" lang="en-US" altLang="en-US" sz="1200" b="0" i="0" u="none" strike="noStrike" kern="1200" cap="none" spc="0" normalizeH="0" baseline="0" noProof="0" smtClean="0">
                <a:ln>
                  <a:noFill/>
                </a:ln>
                <a:solidFill>
                  <a:srgbClr val="000000"/>
                </a:solidFill>
                <a:effectLst/>
                <a:uLnTx/>
                <a:uFillTx/>
                <a:latin typeface="Calibri" panose="020F0502020204030204" pitchFamily="34" charset="0"/>
                <a:ea typeface="+mn-ea"/>
                <a:cs typeface="+mn-cs"/>
              </a:rPr>
              <a:pPr marL="0" marR="0" lvl="0" indent="0" algn="r" defTabSz="923037" rtl="0" eaLnBrk="1" fontAlgn="base" latinLnBrk="0" hangingPunct="1">
                <a:lnSpc>
                  <a:spcPct val="100000"/>
                </a:lnSpc>
                <a:spcBef>
                  <a:spcPct val="0"/>
                </a:spcBef>
                <a:spcAft>
                  <a:spcPct val="0"/>
                </a:spcAft>
                <a:buClrTx/>
                <a:buSzTx/>
                <a:buFontTx/>
                <a:buNone/>
                <a:tabLst/>
                <a:defRPr/>
              </a:pPr>
              <a:t>12</a:t>
            </a:fld>
            <a:endParaRPr kumimoji="0" lang="en-US"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Tree>
    <p:extLst>
      <p:ext uri="{BB962C8B-B14F-4D97-AF65-F5344CB8AC3E}">
        <p14:creationId xmlns:p14="http://schemas.microsoft.com/office/powerpoint/2010/main" val="407523619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870A243-B262-40D2-9E54-8B8E53888955}" type="slidenum">
              <a:rPr kumimoji="0" lang="en-US"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2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6582388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15"/>
        <p:cNvGrpSpPr/>
        <p:nvPr/>
      </p:nvGrpSpPr>
      <p:grpSpPr>
        <a:xfrm>
          <a:off x="0" y="0"/>
          <a:ext cx="0" cy="0"/>
          <a:chOff x="0" y="0"/>
          <a:chExt cx="0" cy="0"/>
        </a:xfrm>
      </p:grpSpPr>
      <p:sp>
        <p:nvSpPr>
          <p:cNvPr id="316" name="Google Shape;316;p6: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marR="0" lvl="0" indent="0" algn="l" rtl="0">
              <a:spcBef>
                <a:spcPts val="0"/>
              </a:spcBef>
              <a:spcAft>
                <a:spcPts val="0"/>
              </a:spcAft>
              <a:buClr>
                <a:schemeClr val="dk1"/>
              </a:buClr>
              <a:buSzPts val="1200"/>
              <a:buFont typeface="Calibri"/>
              <a:buNone/>
            </a:pPr>
            <a:endParaRPr sz="1200" b="0" i="0" u="none" strike="noStrike" cap="none">
              <a:solidFill>
                <a:schemeClr val="dk1"/>
              </a:solidFill>
              <a:latin typeface="Calibri"/>
              <a:ea typeface="Calibri"/>
              <a:cs typeface="Calibri"/>
              <a:sym typeface="Calibri"/>
            </a:endParaRPr>
          </a:p>
        </p:txBody>
      </p:sp>
      <p:sp>
        <p:nvSpPr>
          <p:cNvPr id="317" name="Google Shape;317;p6:notes"/>
          <p:cNvSpPr>
            <a:spLocks noGrp="1" noRot="1" noChangeAspect="1"/>
          </p:cNvSpPr>
          <p:nvPr>
            <p:ph type="sldImg" idx="2"/>
          </p:nvPr>
        </p:nvSpPr>
        <p:spPr>
          <a:xfrm>
            <a:off x="1143000" y="685800"/>
            <a:ext cx="4572000" cy="3429000"/>
          </a:xfrm>
          <a:custGeom>
            <a:avLst/>
            <a:gdLst/>
            <a:ahLst/>
            <a:cxnLst/>
            <a:rect l="0" t="0" r="0" b="0"/>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23"/>
        <p:cNvGrpSpPr/>
        <p:nvPr/>
      </p:nvGrpSpPr>
      <p:grpSpPr>
        <a:xfrm>
          <a:off x="0" y="0"/>
          <a:ext cx="0" cy="0"/>
          <a:chOff x="0" y="0"/>
          <a:chExt cx="0" cy="0"/>
        </a:xfrm>
      </p:grpSpPr>
      <p:sp>
        <p:nvSpPr>
          <p:cNvPr id="324" name="Google Shape;324;p8:notes"/>
          <p:cNvSpPr txBox="1">
            <a:spLocks noGrp="1"/>
          </p:cNvSpPr>
          <p:nvPr>
            <p:ph type="body" idx="1"/>
          </p:nvPr>
        </p:nvSpPr>
        <p:spPr>
          <a:xfrm>
            <a:off x="685801" y="4343400"/>
            <a:ext cx="5486399" cy="4114800"/>
          </a:xfrm>
          <a:prstGeom prst="rect">
            <a:avLst/>
          </a:prstGeom>
          <a:noFill/>
          <a:ln>
            <a:noFill/>
          </a:ln>
        </p:spPr>
        <p:txBody>
          <a:bodyPr spcFirstLastPara="1" wrap="square" lIns="91400" tIns="91400" rIns="91400" bIns="91400" anchor="t" anchorCtr="0">
            <a:noAutofit/>
          </a:bodyPr>
          <a:lstStyle/>
          <a:p>
            <a:pPr marL="0" marR="0" lvl="0" indent="0" algn="l" rtl="0">
              <a:spcBef>
                <a:spcPts val="0"/>
              </a:spcBef>
              <a:spcAft>
                <a:spcPts val="0"/>
              </a:spcAft>
              <a:buClr>
                <a:schemeClr val="dk1"/>
              </a:buClr>
              <a:buSzPts val="1200"/>
              <a:buFont typeface="Calibri"/>
              <a:buNone/>
            </a:pPr>
            <a:endParaRPr sz="1200" b="0" i="0" u="none" strike="noStrike" cap="none">
              <a:solidFill>
                <a:schemeClr val="dk1"/>
              </a:solidFill>
              <a:latin typeface="Calibri"/>
              <a:ea typeface="Calibri"/>
              <a:cs typeface="Calibri"/>
              <a:sym typeface="Calibri"/>
            </a:endParaRPr>
          </a:p>
        </p:txBody>
      </p:sp>
      <p:sp>
        <p:nvSpPr>
          <p:cNvPr id="325" name="Google Shape;325;p8:notes"/>
          <p:cNvSpPr>
            <a:spLocks noGrp="1" noRot="1" noChangeAspect="1"/>
          </p:cNvSpPr>
          <p:nvPr>
            <p:ph type="sldImg" idx="2"/>
          </p:nvPr>
        </p:nvSpPr>
        <p:spPr>
          <a:xfrm>
            <a:off x="1143000" y="685800"/>
            <a:ext cx="4572000" cy="3429000"/>
          </a:xfrm>
          <a:custGeom>
            <a:avLst/>
            <a:gdLst/>
            <a:ahLst/>
            <a:cxnLst/>
            <a:rect l="0" t="0" r="0" b="0"/>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326" name="Google Shape;326;p8:notes"/>
          <p:cNvSpPr txBox="1">
            <a:spLocks noGrp="1"/>
          </p:cNvSpPr>
          <p:nvPr>
            <p:ph type="sldNum" idx="12"/>
          </p:nvPr>
        </p:nvSpPr>
        <p:spPr>
          <a:xfrm>
            <a:off x="3884613" y="8685213"/>
            <a:ext cx="2971799" cy="457200"/>
          </a:xfrm>
          <a:prstGeom prst="rect">
            <a:avLst/>
          </a:prstGeom>
          <a:noFill/>
          <a:ln>
            <a:noFill/>
          </a:ln>
        </p:spPr>
        <p:txBody>
          <a:bodyPr spcFirstLastPara="1" wrap="square" lIns="91400" tIns="45675" rIns="91400" bIns="45675" anchor="b" anchorCtr="0">
            <a:noAutofit/>
          </a:bodyPr>
          <a:lstStyle/>
          <a:p>
            <a:pPr marL="0" marR="0" lvl="0" indent="0" algn="r" rtl="0">
              <a:lnSpc>
                <a:spcPct val="100000"/>
              </a:lnSpc>
              <a:spcBef>
                <a:spcPts val="0"/>
              </a:spcBef>
              <a:spcAft>
                <a:spcPts val="0"/>
              </a:spcAft>
              <a:buClr>
                <a:srgbClr val="000000"/>
              </a:buClr>
              <a:buSzPts val="1200"/>
              <a:buFont typeface="Calibri"/>
              <a:buNone/>
            </a:pPr>
            <a:fld id="{00000000-1234-1234-1234-123412341234}" type="slidenum">
              <a:rPr lang="en-US" sz="1200" b="0" i="0" u="none" strike="noStrike" cap="none">
                <a:solidFill>
                  <a:srgbClr val="000000"/>
                </a:solidFill>
                <a:latin typeface="Calibri"/>
                <a:ea typeface="Calibri"/>
                <a:cs typeface="Calibri"/>
                <a:sym typeface="Calibri"/>
              </a:rPr>
              <a:t>15</a:t>
            </a:fld>
            <a:endParaRPr sz="1200" b="0" i="0" u="none" strike="noStrike" cap="none">
              <a:solidFill>
                <a:srgbClr val="000000"/>
              </a:solidFill>
              <a:latin typeface="Calibri"/>
              <a:ea typeface="Calibri"/>
              <a:cs typeface="Calibri"/>
              <a:sym typeface="Calibri"/>
            </a:endParaRP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40"/>
        <p:cNvGrpSpPr/>
        <p:nvPr/>
      </p:nvGrpSpPr>
      <p:grpSpPr>
        <a:xfrm>
          <a:off x="0" y="0"/>
          <a:ext cx="0" cy="0"/>
          <a:chOff x="0" y="0"/>
          <a:chExt cx="0" cy="0"/>
        </a:xfrm>
      </p:grpSpPr>
      <p:sp>
        <p:nvSpPr>
          <p:cNvPr id="341" name="Google Shape;341;p7:notes"/>
          <p:cNvSpPr txBox="1">
            <a:spLocks noGrp="1"/>
          </p:cNvSpPr>
          <p:nvPr>
            <p:ph type="body" idx="1"/>
          </p:nvPr>
        </p:nvSpPr>
        <p:spPr>
          <a:xfrm>
            <a:off x="685800" y="4343400"/>
            <a:ext cx="5486400" cy="4114800"/>
          </a:xfrm>
          <a:prstGeom prst="rect">
            <a:avLst/>
          </a:prstGeom>
          <a:noFill/>
          <a:ln>
            <a:noFill/>
          </a:ln>
        </p:spPr>
        <p:txBody>
          <a:bodyPr spcFirstLastPara="1" wrap="square" lIns="91425" tIns="91425" rIns="91425" bIns="91425" anchor="t" anchorCtr="0">
            <a:noAutofit/>
          </a:bodyPr>
          <a:lstStyle/>
          <a:p>
            <a:pPr marL="0" marR="0" lvl="0" indent="0" algn="l" rtl="0">
              <a:spcBef>
                <a:spcPts val="0"/>
              </a:spcBef>
              <a:spcAft>
                <a:spcPts val="0"/>
              </a:spcAft>
              <a:buClr>
                <a:schemeClr val="dk1"/>
              </a:buClr>
              <a:buSzPts val="1200"/>
              <a:buFont typeface="Calibri"/>
              <a:buNone/>
            </a:pPr>
            <a:endParaRPr sz="1200" b="0" i="0" u="none" strike="noStrike" cap="none">
              <a:solidFill>
                <a:schemeClr val="dk1"/>
              </a:solidFill>
              <a:latin typeface="Calibri"/>
              <a:ea typeface="Calibri"/>
              <a:cs typeface="Calibri"/>
              <a:sym typeface="Calibri"/>
            </a:endParaRPr>
          </a:p>
        </p:txBody>
      </p:sp>
      <p:sp>
        <p:nvSpPr>
          <p:cNvPr id="342" name="Google Shape;342;p7:notes"/>
          <p:cNvSpPr>
            <a:spLocks noGrp="1" noRot="1" noChangeAspect="1"/>
          </p:cNvSpPr>
          <p:nvPr>
            <p:ph type="sldImg" idx="2"/>
          </p:nvPr>
        </p:nvSpPr>
        <p:spPr>
          <a:xfrm>
            <a:off x="1143000" y="685800"/>
            <a:ext cx="4572000" cy="3429000"/>
          </a:xfrm>
          <a:custGeom>
            <a:avLst/>
            <a:gdLst/>
            <a:ahLst/>
            <a:cxnLst/>
            <a:rect l="0" t="0" r="0" b="0"/>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354"/>
        <p:cNvGrpSpPr/>
        <p:nvPr/>
      </p:nvGrpSpPr>
      <p:grpSpPr>
        <a:xfrm>
          <a:off x="0" y="0"/>
          <a:ext cx="0" cy="0"/>
          <a:chOff x="0" y="0"/>
          <a:chExt cx="0" cy="0"/>
        </a:xfrm>
      </p:grpSpPr>
      <p:sp>
        <p:nvSpPr>
          <p:cNvPr id="355" name="Shape 355"/>
          <p:cNvSpPr>
            <a:spLocks noGrp="1" noRot="1" noChangeAspect="1"/>
          </p:cNvSpPr>
          <p:nvPr>
            <p:ph type="sldImg" idx="2"/>
          </p:nvPr>
        </p:nvSpPr>
        <p:spPr>
          <a:xfrm>
            <a:off x="1143000" y="685800"/>
            <a:ext cx="4572000" cy="3429000"/>
          </a:xfrm>
          <a:custGeom>
            <a:avLst/>
            <a:gdLst/>
            <a:ahLst/>
            <a:cxnLst/>
            <a:rect l="0" t="0" r="0" b="0"/>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med" len="med"/>
            <a:tailEnd type="none" w="med" len="med"/>
          </a:ln>
        </p:spPr>
      </p:sp>
      <p:sp>
        <p:nvSpPr>
          <p:cNvPr id="356" name="Shape 356"/>
          <p:cNvSpPr txBox="1">
            <a:spLocks noGrp="1"/>
          </p:cNvSpPr>
          <p:nvPr>
            <p:ph type="body" idx="1"/>
          </p:nvPr>
        </p:nvSpPr>
        <p:spPr>
          <a:xfrm>
            <a:off x="685800" y="4343400"/>
            <a:ext cx="5486400" cy="4114800"/>
          </a:xfrm>
          <a:prstGeom prst="rect">
            <a:avLst/>
          </a:prstGeom>
          <a:noFill/>
          <a:ln>
            <a:noFill/>
          </a:ln>
        </p:spPr>
        <p:txBody>
          <a:bodyPr wrap="square" lIns="91425" tIns="45700" rIns="91425" bIns="45700" anchor="t" anchorCtr="0">
            <a:noAutofit/>
          </a:bodyPr>
          <a:lstStyle/>
          <a:p>
            <a:pPr marL="0" marR="0" lvl="0" indent="-19050" algn="l" rtl="0">
              <a:spcBef>
                <a:spcPts val="0"/>
              </a:spcBef>
              <a:buClr>
                <a:schemeClr val="dk1"/>
              </a:buClr>
              <a:buSzPct val="25000"/>
              <a:buFont typeface="Calibri"/>
              <a:buNone/>
            </a:pPr>
            <a:endParaRPr sz="1200" b="0" i="0" u="none" strike="noStrike" cap="none">
              <a:solidFill>
                <a:schemeClr val="dk1"/>
              </a:solidFill>
              <a:latin typeface="Calibri"/>
              <a:ea typeface="Calibri"/>
              <a:cs typeface="Calibri"/>
              <a:sym typeface="Calibri"/>
            </a:endParaRPr>
          </a:p>
        </p:txBody>
      </p:sp>
      <p:sp>
        <p:nvSpPr>
          <p:cNvPr id="357" name="Shape 357"/>
          <p:cNvSpPr txBox="1">
            <a:spLocks noGrp="1"/>
          </p:cNvSpPr>
          <p:nvPr>
            <p:ph type="sldNum" idx="12"/>
          </p:nvPr>
        </p:nvSpPr>
        <p:spPr>
          <a:xfrm>
            <a:off x="3884613" y="8685213"/>
            <a:ext cx="2971800" cy="457200"/>
          </a:xfrm>
          <a:prstGeom prst="rect">
            <a:avLst/>
          </a:prstGeom>
          <a:noFill/>
          <a:ln>
            <a:noFill/>
          </a:ln>
        </p:spPr>
        <p:txBody>
          <a:bodyPr wrap="square" lIns="91425" tIns="45700" rIns="91425" bIns="45700" anchor="b" anchorCtr="0">
            <a:noAutofit/>
          </a:bodyPr>
          <a:lstStyle/>
          <a:p>
            <a:pPr marL="0" marR="0" lvl="0" indent="-19050" algn="r" defTabSz="914400" rtl="0" eaLnBrk="1" fontAlgn="auto" latinLnBrk="0" hangingPunct="1">
              <a:lnSpc>
                <a:spcPct val="100000"/>
              </a:lnSpc>
              <a:spcBef>
                <a:spcPts val="0"/>
              </a:spcBef>
              <a:spcAft>
                <a:spcPts val="0"/>
              </a:spcAft>
              <a:buClr>
                <a:srgbClr val="000000"/>
              </a:buClr>
              <a:buSzPct val="25000"/>
              <a:buFont typeface="Calibri"/>
              <a:buNone/>
              <a:tabLst/>
              <a:defRPr/>
            </a:pPr>
            <a:fld id="{00000000-1234-1234-1234-123412341234}" type="slidenum">
              <a:rPr kumimoji="0" lang="en-US" sz="1200" b="0" i="0" u="none" strike="noStrike" kern="0" cap="none" spc="0" normalizeH="0" baseline="0" noProof="0">
                <a:ln>
                  <a:noFill/>
                </a:ln>
                <a:solidFill>
                  <a:srgbClr val="000000"/>
                </a:solidFill>
                <a:effectLst/>
                <a:uLnTx/>
                <a:uFillTx/>
                <a:latin typeface="Calibri"/>
                <a:ea typeface="Calibri"/>
                <a:cs typeface="Calibri"/>
                <a:sym typeface="Calibri"/>
              </a:rPr>
              <a:pPr marL="0" marR="0" lvl="0" indent="-19050" algn="r" defTabSz="914400" rtl="0" eaLnBrk="1" fontAlgn="auto" latinLnBrk="0" hangingPunct="1">
                <a:lnSpc>
                  <a:spcPct val="100000"/>
                </a:lnSpc>
                <a:spcBef>
                  <a:spcPts val="0"/>
                </a:spcBef>
                <a:spcAft>
                  <a:spcPts val="0"/>
                </a:spcAft>
                <a:buClr>
                  <a:srgbClr val="000000"/>
                </a:buClr>
                <a:buSzPct val="25000"/>
                <a:buFont typeface="Calibri"/>
                <a:buNone/>
                <a:tabLst/>
                <a:defRPr/>
              </a:pPr>
              <a:t>18</a:t>
            </a:fld>
            <a:endParaRPr kumimoji="0" lang="en-US" sz="1200" b="0" i="0" u="none" strike="noStrike" kern="0" cap="none" spc="0" normalizeH="0" baseline="0" noProof="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363233134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4.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slideLayout1.xml><?xml version="1.0" encoding="utf-8"?>
<p:sldLayout xmlns:a="http://schemas.openxmlformats.org/drawingml/2006/main" xmlns:r="http://schemas.openxmlformats.org/officeDocument/2006/relationships" xmlns:p="http://schemas.openxmlformats.org/presentationml/2006/main" type="blank">
  <p:cSld name="Blank">
    <p:spTree>
      <p:nvGrpSpPr>
        <p:cNvPr id="1" name="Shape 28"/>
        <p:cNvGrpSpPr/>
        <p:nvPr/>
      </p:nvGrpSpPr>
      <p:grpSpPr>
        <a:xfrm>
          <a:off x="0" y="0"/>
          <a:ext cx="0" cy="0"/>
          <a:chOff x="0" y="0"/>
          <a:chExt cx="0" cy="0"/>
        </a:xfrm>
      </p:grpSpPr>
      <p:sp>
        <p:nvSpPr>
          <p:cNvPr id="29" name="Shape 29"/>
          <p:cNvSpPr txBox="1">
            <a:spLocks noGrp="1"/>
          </p:cNvSpPr>
          <p:nvPr>
            <p:ph type="dt" idx="10"/>
          </p:nvPr>
        </p:nvSpPr>
        <p:spPr>
          <a:xfrm>
            <a:off x="457200" y="6356350"/>
            <a:ext cx="2133598" cy="365125"/>
          </a:xfrm>
          <a:prstGeom prst="rect">
            <a:avLst/>
          </a:prstGeom>
          <a:noFill/>
          <a:ln>
            <a:noFill/>
          </a:ln>
        </p:spPr>
        <p:txBody>
          <a:bodyPr wrap="square" lIns="91425" tIns="91425" rIns="91425" bIns="91425" anchor="ctr" anchorCtr="0"/>
          <a:lstStyle>
            <a:lvl1pPr marL="0" marR="0" lvl="0" indent="0" algn="l" rtl="0">
              <a:spcBef>
                <a:spcPts val="0"/>
              </a:spcBef>
              <a:buClr>
                <a:srgbClr val="888888"/>
              </a:buClr>
              <a:buFont typeface="Calibri"/>
              <a:buNone/>
              <a:defRPr sz="1200">
                <a:solidFill>
                  <a:srgbClr val="888888"/>
                </a:solidFill>
                <a:latin typeface="Calibri"/>
                <a:ea typeface="Calibri"/>
                <a:cs typeface="Calibri"/>
                <a:sym typeface="Calibri"/>
              </a:defRPr>
            </a:lvl1pPr>
            <a:lvl2pPr marL="456560" marR="0" lvl="1" indent="-12060"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2pPr>
            <a:lvl3pPr marL="913117" marR="0" lvl="2" indent="-11417"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3pPr>
            <a:lvl4pPr marL="1369677" marR="0" lvl="3" indent="-10776"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4pPr>
            <a:lvl5pPr marL="1826235" marR="0" lvl="4" indent="-10135"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5pPr>
            <a:lvl6pPr marL="2282796" marR="0" lvl="5" indent="-9495"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6pPr>
            <a:lvl7pPr marL="2739352" marR="0" lvl="6" indent="-8851"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7pPr>
            <a:lvl8pPr marL="3195913" marR="0" lvl="7" indent="-8213"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8pPr>
            <a:lvl9pPr marL="3652470" marR="0" lvl="8" indent="-7570"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9pPr>
          </a:lstStyle>
          <a:p>
            <a:pPr marL="0" marR="0" lvl="0" indent="0" algn="l" defTabSz="914400" rtl="0" eaLnBrk="1" fontAlgn="auto" latinLnBrk="0" hangingPunct="1">
              <a:lnSpc>
                <a:spcPct val="100000"/>
              </a:lnSpc>
              <a:spcBef>
                <a:spcPts val="0"/>
              </a:spcBef>
              <a:spcAft>
                <a:spcPts val="0"/>
              </a:spcAft>
              <a:buClr>
                <a:srgbClr val="888888"/>
              </a:buClr>
              <a:buSzTx/>
              <a:buFont typeface="Calibri"/>
              <a:buNone/>
              <a:tabLst/>
              <a:defRPr/>
            </a:pPr>
            <a:endParaRPr kumimoji="0" sz="1200" b="0" i="0" u="none" strike="noStrike" kern="0" cap="none" spc="0" normalizeH="0" baseline="0" noProof="0">
              <a:ln>
                <a:noFill/>
              </a:ln>
              <a:solidFill>
                <a:srgbClr val="888888"/>
              </a:solidFill>
              <a:effectLst/>
              <a:uLnTx/>
              <a:uFillTx/>
              <a:latin typeface="Calibri"/>
              <a:cs typeface="Calibri"/>
              <a:sym typeface="Calibri"/>
            </a:endParaRPr>
          </a:p>
        </p:txBody>
      </p:sp>
      <p:sp>
        <p:nvSpPr>
          <p:cNvPr id="30" name="Shape 30"/>
          <p:cNvSpPr txBox="1">
            <a:spLocks noGrp="1"/>
          </p:cNvSpPr>
          <p:nvPr>
            <p:ph type="ftr" idx="11"/>
          </p:nvPr>
        </p:nvSpPr>
        <p:spPr>
          <a:xfrm>
            <a:off x="3124200" y="6356350"/>
            <a:ext cx="2895600" cy="365125"/>
          </a:xfrm>
          <a:prstGeom prst="rect">
            <a:avLst/>
          </a:prstGeom>
          <a:noFill/>
          <a:ln>
            <a:noFill/>
          </a:ln>
        </p:spPr>
        <p:txBody>
          <a:bodyPr wrap="square" lIns="91425" tIns="91425" rIns="91425" bIns="91425" anchor="ctr" anchorCtr="0"/>
          <a:lstStyle>
            <a:lvl1pPr marL="0" marR="0" lvl="0" indent="0" algn="ctr" rtl="0">
              <a:spcBef>
                <a:spcPts val="0"/>
              </a:spcBef>
              <a:buClr>
                <a:srgbClr val="888888"/>
              </a:buClr>
              <a:buFont typeface="Calibri"/>
              <a:buNone/>
              <a:defRPr sz="1200">
                <a:solidFill>
                  <a:srgbClr val="888888"/>
                </a:solidFill>
                <a:latin typeface="Calibri"/>
                <a:ea typeface="Calibri"/>
                <a:cs typeface="Calibri"/>
                <a:sym typeface="Calibri"/>
              </a:defRPr>
            </a:lvl1pPr>
            <a:lvl2pPr marL="456560" marR="0" lvl="1" indent="-12060"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2pPr>
            <a:lvl3pPr marL="913117" marR="0" lvl="2" indent="-11417"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3pPr>
            <a:lvl4pPr marL="1369677" marR="0" lvl="3" indent="-10776"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4pPr>
            <a:lvl5pPr marL="1826235" marR="0" lvl="4" indent="-10135"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5pPr>
            <a:lvl6pPr marL="2282796" marR="0" lvl="5" indent="-9495"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6pPr>
            <a:lvl7pPr marL="2739352" marR="0" lvl="6" indent="-8851"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7pPr>
            <a:lvl8pPr marL="3195913" marR="0" lvl="7" indent="-8213"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8pPr>
            <a:lvl9pPr marL="3652470" marR="0" lvl="8" indent="-7570" algn="l" rtl="0">
              <a:spcBef>
                <a:spcPts val="0"/>
              </a:spcBef>
              <a:buClr>
                <a:schemeClr val="dk1"/>
              </a:buClr>
              <a:buFont typeface="Calibri"/>
              <a:buNone/>
              <a:defRPr sz="1800" b="0" i="0" u="none" strike="noStrike" cap="none">
                <a:solidFill>
                  <a:schemeClr val="dk1"/>
                </a:solidFill>
                <a:latin typeface="Calibri"/>
                <a:ea typeface="Calibri"/>
                <a:cs typeface="Calibri"/>
                <a:sym typeface="Calibri"/>
              </a:defRPr>
            </a:lvl9pPr>
          </a:lstStyle>
          <a:p>
            <a:pPr marL="0" marR="0" lvl="0" indent="0" algn="ctr" defTabSz="914400" rtl="0" eaLnBrk="1" fontAlgn="auto" latinLnBrk="0" hangingPunct="1">
              <a:lnSpc>
                <a:spcPct val="100000"/>
              </a:lnSpc>
              <a:spcBef>
                <a:spcPts val="0"/>
              </a:spcBef>
              <a:spcAft>
                <a:spcPts val="0"/>
              </a:spcAft>
              <a:buClr>
                <a:srgbClr val="888888"/>
              </a:buClr>
              <a:buSzTx/>
              <a:buFont typeface="Calibri"/>
              <a:buNone/>
              <a:tabLst/>
              <a:defRPr/>
            </a:pPr>
            <a:endParaRPr kumimoji="0" sz="1200" b="0" i="0" u="none" strike="noStrike" kern="0" cap="none" spc="0" normalizeH="0" baseline="0" noProof="0">
              <a:ln>
                <a:noFill/>
              </a:ln>
              <a:solidFill>
                <a:srgbClr val="888888"/>
              </a:solidFill>
              <a:effectLst/>
              <a:uLnTx/>
              <a:uFillTx/>
              <a:latin typeface="Calibri"/>
              <a:cs typeface="Calibri"/>
              <a:sym typeface="Calibri"/>
            </a:endParaRPr>
          </a:p>
        </p:txBody>
      </p:sp>
    </p:spTree>
    <p:extLst>
      <p:ext uri="{BB962C8B-B14F-4D97-AF65-F5344CB8AC3E}">
        <p14:creationId xmlns:p14="http://schemas.microsoft.com/office/powerpoint/2010/main" val="171809240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woTxTwoObj">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457200" y="1535113"/>
            <a:ext cx="3657600" cy="639762"/>
          </a:xfrm>
        </p:spPr>
        <p:txBody>
          <a:bodyPr anchor="b">
            <a:noAutofit/>
          </a:bodyPr>
          <a:lstStyle>
            <a:lvl1pPr marL="0" indent="0" algn="ctr">
              <a:buNone/>
              <a:defRPr sz="2000" b="1">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457200" y="2174875"/>
            <a:ext cx="3657600" cy="3951288"/>
          </a:xfrm>
        </p:spPr>
        <p:txBody>
          <a:bodyPr/>
          <a:lstStyle>
            <a:lvl1pPr>
              <a:defRPr sz="1800"/>
            </a:lvl1pPr>
            <a:lvl2pPr>
              <a:defRPr sz="1600"/>
            </a:lvl2pPr>
            <a:lvl3pPr>
              <a:defRPr sz="1400"/>
            </a:lvl3pPr>
            <a:lvl4pPr>
              <a:defRPr sz="1200"/>
            </a:lvl4pPr>
            <a:lvl5pPr>
              <a:defRPr sz="12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p:cNvSpPr>
            <a:spLocks noGrp="1"/>
          </p:cNvSpPr>
          <p:nvPr>
            <p:ph type="body" sz="quarter" idx="3"/>
          </p:nvPr>
        </p:nvSpPr>
        <p:spPr>
          <a:xfrm>
            <a:off x="4419600" y="1535113"/>
            <a:ext cx="3657600" cy="639762"/>
          </a:xfrm>
        </p:spPr>
        <p:txBody>
          <a:bodyPr anchor="b">
            <a:noAutofit/>
          </a:bodyPr>
          <a:lstStyle>
            <a:lvl1pPr marL="0" indent="0" algn="ctr">
              <a:buNone/>
              <a:defRPr sz="2000" b="1">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419600" y="2174875"/>
            <a:ext cx="3657600" cy="3951288"/>
          </a:xfrm>
        </p:spPr>
        <p:txBody>
          <a:bodyPr/>
          <a:lstStyle>
            <a:lvl1pPr>
              <a:defRPr sz="1800"/>
            </a:lvl1pPr>
            <a:lvl2pPr>
              <a:defRPr sz="1600"/>
            </a:lvl2pPr>
            <a:lvl3pPr>
              <a:defRPr sz="1400"/>
            </a:lvl3pPr>
            <a:lvl4pPr>
              <a:defRPr sz="1200"/>
            </a:lvl4pPr>
            <a:lvl5pPr>
              <a:defRPr sz="12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lide Number Placeholder 5"/>
          <p:cNvSpPr>
            <a:spLocks noGrp="1"/>
          </p:cNvSpPr>
          <p:nvPr>
            <p:ph type="sldNum" sz="quarter" idx="10"/>
          </p:nvPr>
        </p:nvSpPr>
        <p:spPr/>
        <p:txBody>
          <a:bodyPr/>
          <a:lstStyle>
            <a:lvl1pPr fontAlgn="auto">
              <a:spcBef>
                <a:spcPts val="0"/>
              </a:spcBef>
              <a:spcAft>
                <a:spcPts val="0"/>
              </a:spcAft>
              <a:defRPr>
                <a:latin typeface="+mn-lt"/>
                <a:cs typeface="+mn-cs"/>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fld id="{7C6B355D-3F83-476B-9D72-91668F06618B}" type="slidenum">
              <a:rPr kumimoji="0" lang="en-US" sz="1800" b="0" i="0" u="none" strike="noStrike" kern="1200" cap="none" spc="0" normalizeH="0" baseline="0" noProof="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sp>
        <p:nvSpPr>
          <p:cNvPr id="8" name="Footer Placeholder 4"/>
          <p:cNvSpPr>
            <a:spLocks noGrp="1"/>
          </p:cNvSpPr>
          <p:nvPr>
            <p:ph type="ftr" sz="quarter" idx="11"/>
          </p:nvPr>
        </p:nvSpPr>
        <p:spPr/>
        <p:txBody>
          <a:bodyPr/>
          <a:lstStyle>
            <a:lvl1pPr fontAlgn="auto">
              <a:spcBef>
                <a:spcPts val="0"/>
              </a:spcBef>
              <a:spcAft>
                <a:spcPts val="0"/>
              </a:spcAft>
              <a:defRPr>
                <a:latin typeface="+mn-lt"/>
                <a:cs typeface="+mn-cs"/>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EECE1"/>
              </a:solidFill>
              <a:effectLst/>
              <a:uLnTx/>
              <a:uFillTx/>
              <a:latin typeface="Calibri"/>
              <a:ea typeface="+mn-ea"/>
              <a:cs typeface="+mn-cs"/>
            </a:endParaRPr>
          </a:p>
        </p:txBody>
      </p:sp>
    </p:spTree>
    <p:extLst>
      <p:ext uri="{BB962C8B-B14F-4D97-AF65-F5344CB8AC3E}">
        <p14:creationId xmlns:p14="http://schemas.microsoft.com/office/powerpoint/2010/main" val="1998103221"/>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matchingName="Blank" type="obj" preserve="1">
  <p:cSld name="Blank">
    <p:spTree>
      <p:nvGrpSpPr>
        <p:cNvPr id="1" name="Shape 61"/>
        <p:cNvGrpSpPr/>
        <p:nvPr/>
      </p:nvGrpSpPr>
      <p:grpSpPr>
        <a:xfrm>
          <a:off x="0" y="0"/>
          <a:ext cx="0" cy="0"/>
          <a:chOff x="0" y="0"/>
          <a:chExt cx="0" cy="0"/>
        </a:xfrm>
      </p:grpSpPr>
      <p:sp>
        <p:nvSpPr>
          <p:cNvPr id="62" name="Google Shape;62;p9"/>
          <p:cNvSpPr txBox="1">
            <a:spLocks noGrp="1"/>
          </p:cNvSpPr>
          <p:nvPr>
            <p:ph type="ftr" idx="11"/>
          </p:nvPr>
        </p:nvSpPr>
        <p:spPr>
          <a:xfrm>
            <a:off x="3108616" y="6377554"/>
            <a:ext cx="29268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63" name="Google Shape;63;p9"/>
          <p:cNvSpPr txBox="1">
            <a:spLocks noGrp="1"/>
          </p:cNvSpPr>
          <p:nvPr>
            <p:ph type="dt" idx="10"/>
          </p:nvPr>
        </p:nvSpPr>
        <p:spPr>
          <a:xfrm>
            <a:off x="457493" y="6377554"/>
            <a:ext cx="21027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64" name="Google Shape;64;p9"/>
          <p:cNvSpPr txBox="1">
            <a:spLocks noGrp="1"/>
          </p:cNvSpPr>
          <p:nvPr>
            <p:ph type="sldNum" idx="12"/>
          </p:nvPr>
        </p:nvSpPr>
        <p:spPr>
          <a:xfrm>
            <a:off x="6583799" y="6377554"/>
            <a:ext cx="2102700" cy="276900"/>
          </a:xfrm>
          <a:prstGeom prst="rect">
            <a:avLst/>
          </a:prstGeom>
          <a:noFill/>
          <a:ln>
            <a:noFill/>
          </a:ln>
        </p:spPr>
        <p:txBody>
          <a:bodyPr spcFirstLastPara="1" wrap="square" lIns="0" tIns="0" rIns="0" bIns="0" anchor="t" anchorCtr="0">
            <a:noAutofit/>
          </a:bodyPr>
          <a:lstStyle>
            <a:lvl1pPr marL="0" marR="0" lvl="0"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1pPr>
            <a:lvl2pPr marL="0" marR="0" lvl="1"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2pPr>
            <a:lvl3pPr marL="0" marR="0" lvl="2"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3pPr>
            <a:lvl4pPr marL="0" marR="0" lvl="3"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4pPr>
            <a:lvl5pPr marL="0" marR="0" lvl="4"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5pPr>
            <a:lvl6pPr marL="0" marR="0" lvl="5"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6pPr>
            <a:lvl7pPr marL="0" marR="0" lvl="6"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7pPr>
            <a:lvl8pPr marL="0" marR="0" lvl="7"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8pPr>
            <a:lvl9pPr marL="0" marR="0" lvl="8"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9pPr>
          </a:lstStyle>
          <a:p>
            <a:pPr marL="0" lvl="0" indent="0">
              <a:spcBef>
                <a:spcPts val="0"/>
              </a:spcBef>
              <a:spcAft>
                <a:spcPts val="0"/>
              </a:spcAft>
              <a:buNone/>
            </a:pPr>
            <a:fld id="{00000000-1234-1234-1234-123412341234}" type="slidenum">
              <a:rPr lang="en-US"/>
              <a:t>‹#›</a:t>
            </a:fld>
            <a:endParaRPr/>
          </a:p>
        </p:txBody>
      </p:sp>
    </p:spTree>
    <p:extLst>
      <p:ext uri="{BB962C8B-B14F-4D97-AF65-F5344CB8AC3E}">
        <p14:creationId xmlns:p14="http://schemas.microsoft.com/office/powerpoint/2010/main" val="2914978051"/>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matchingName="Title and Content" preserve="1">
  <p:cSld name="Title and Content">
    <p:spTree>
      <p:nvGrpSpPr>
        <p:cNvPr id="1" name="Shape 65"/>
        <p:cNvGrpSpPr/>
        <p:nvPr/>
      </p:nvGrpSpPr>
      <p:grpSpPr>
        <a:xfrm>
          <a:off x="0" y="0"/>
          <a:ext cx="0" cy="0"/>
          <a:chOff x="0" y="0"/>
          <a:chExt cx="0" cy="0"/>
        </a:xfrm>
      </p:grpSpPr>
      <p:sp>
        <p:nvSpPr>
          <p:cNvPr id="66" name="Google Shape;66;p10"/>
          <p:cNvSpPr txBox="1">
            <a:spLocks noGrp="1"/>
          </p:cNvSpPr>
          <p:nvPr>
            <p:ph type="title"/>
          </p:nvPr>
        </p:nvSpPr>
        <p:spPr>
          <a:xfrm>
            <a:off x="457502" y="274558"/>
            <a:ext cx="82290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1pPr>
            <a:lvl2pPr marR="0" lvl="1"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67" name="Google Shape;67;p10"/>
          <p:cNvSpPr txBox="1">
            <a:spLocks noGrp="1"/>
          </p:cNvSpPr>
          <p:nvPr>
            <p:ph type="body" idx="1"/>
          </p:nvPr>
        </p:nvSpPr>
        <p:spPr>
          <a:xfrm>
            <a:off x="457502" y="1577242"/>
            <a:ext cx="8229000" cy="276900"/>
          </a:xfrm>
          <a:prstGeom prst="rect">
            <a:avLst/>
          </a:prstGeom>
          <a:noFill/>
          <a:ln>
            <a:noFill/>
          </a:ln>
        </p:spPr>
        <p:txBody>
          <a:bodyPr spcFirstLastPara="1" wrap="square" lIns="91425" tIns="91425" rIns="91425" bIns="91425" anchor="t" anchorCtr="0"/>
          <a:lstStyle>
            <a:lvl1pPr marL="457200" marR="0" lvl="0"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1pPr>
            <a:lvl2pPr marL="914400" marR="0" lvl="1"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L="1371600" marR="0" lvl="2"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L="1828800" marR="0" lvl="3"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L="2286000" marR="0" lvl="4"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L="2743200" marR="0" lvl="5"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6pPr>
            <a:lvl7pPr marL="3200400" marR="0" lvl="6"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7pPr>
            <a:lvl8pPr marL="3657600" marR="0" lvl="7"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8pPr>
            <a:lvl9pPr marL="4114800" marR="0" lvl="8"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9pPr>
          </a:lstStyle>
          <a:p>
            <a:pPr lvl="0"/>
            <a:r>
              <a:rPr lang="en-US"/>
              <a:t>Edit Master text styles</a:t>
            </a:r>
          </a:p>
        </p:txBody>
      </p:sp>
      <p:sp>
        <p:nvSpPr>
          <p:cNvPr id="68" name="Google Shape;68;p10"/>
          <p:cNvSpPr txBox="1">
            <a:spLocks noGrp="1"/>
          </p:cNvSpPr>
          <p:nvPr>
            <p:ph type="ftr" idx="11"/>
          </p:nvPr>
        </p:nvSpPr>
        <p:spPr>
          <a:xfrm>
            <a:off x="3108616" y="6377554"/>
            <a:ext cx="29268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69" name="Google Shape;69;p10"/>
          <p:cNvSpPr txBox="1">
            <a:spLocks noGrp="1"/>
          </p:cNvSpPr>
          <p:nvPr>
            <p:ph type="dt" idx="10"/>
          </p:nvPr>
        </p:nvSpPr>
        <p:spPr>
          <a:xfrm>
            <a:off x="457493" y="6377554"/>
            <a:ext cx="21027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70" name="Google Shape;70;p10"/>
          <p:cNvSpPr txBox="1">
            <a:spLocks noGrp="1"/>
          </p:cNvSpPr>
          <p:nvPr>
            <p:ph type="sldNum" idx="12"/>
          </p:nvPr>
        </p:nvSpPr>
        <p:spPr>
          <a:xfrm>
            <a:off x="6583799" y="6377554"/>
            <a:ext cx="2102700" cy="276900"/>
          </a:xfrm>
          <a:prstGeom prst="rect">
            <a:avLst/>
          </a:prstGeom>
          <a:noFill/>
          <a:ln>
            <a:noFill/>
          </a:ln>
        </p:spPr>
        <p:txBody>
          <a:bodyPr spcFirstLastPara="1" wrap="square" lIns="0" tIns="0" rIns="0" bIns="0" anchor="t" anchorCtr="0">
            <a:noAutofit/>
          </a:bodyPr>
          <a:lstStyle>
            <a:lvl1pPr marL="0" marR="0" lvl="0"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1pPr>
            <a:lvl2pPr marL="0" marR="0" lvl="1"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2pPr>
            <a:lvl3pPr marL="0" marR="0" lvl="2"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3pPr>
            <a:lvl4pPr marL="0" marR="0" lvl="3"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4pPr>
            <a:lvl5pPr marL="0" marR="0" lvl="4"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5pPr>
            <a:lvl6pPr marL="0" marR="0" lvl="5"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6pPr>
            <a:lvl7pPr marL="0" marR="0" lvl="6"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7pPr>
            <a:lvl8pPr marL="0" marR="0" lvl="7"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8pPr>
            <a:lvl9pPr marL="0" marR="0" lvl="8"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9pPr>
          </a:lstStyle>
          <a:p>
            <a:pPr marL="0" lvl="0" indent="0">
              <a:spcBef>
                <a:spcPts val="0"/>
              </a:spcBef>
              <a:spcAft>
                <a:spcPts val="0"/>
              </a:spcAft>
              <a:buNone/>
            </a:pPr>
            <a:fld id="{00000000-1234-1234-1234-123412341234}" type="slidenum">
              <a:rPr lang="en-US"/>
              <a:t>‹#›</a:t>
            </a:fld>
            <a:endParaRPr/>
          </a:p>
        </p:txBody>
      </p:sp>
    </p:spTree>
    <p:extLst>
      <p:ext uri="{BB962C8B-B14F-4D97-AF65-F5344CB8AC3E}">
        <p14:creationId xmlns:p14="http://schemas.microsoft.com/office/powerpoint/2010/main" val="1093635209"/>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matchingName="Title Slide" preserve="1">
  <p:cSld name="Title Slide">
    <p:spTree>
      <p:nvGrpSpPr>
        <p:cNvPr id="1" name="Shape 71"/>
        <p:cNvGrpSpPr/>
        <p:nvPr/>
      </p:nvGrpSpPr>
      <p:grpSpPr>
        <a:xfrm>
          <a:off x="0" y="0"/>
          <a:ext cx="0" cy="0"/>
          <a:chOff x="0" y="0"/>
          <a:chExt cx="0" cy="0"/>
        </a:xfrm>
      </p:grpSpPr>
      <p:sp>
        <p:nvSpPr>
          <p:cNvPr id="72" name="Google Shape;72;p11"/>
          <p:cNvSpPr txBox="1">
            <a:spLocks noGrp="1"/>
          </p:cNvSpPr>
          <p:nvPr>
            <p:ph type="ctrTitle"/>
          </p:nvPr>
        </p:nvSpPr>
        <p:spPr>
          <a:xfrm>
            <a:off x="685800" y="2125998"/>
            <a:ext cx="77724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1pPr>
            <a:lvl2pPr marR="0" lvl="1"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73" name="Google Shape;73;p11"/>
          <p:cNvSpPr txBox="1">
            <a:spLocks noGrp="1"/>
          </p:cNvSpPr>
          <p:nvPr>
            <p:ph type="subTitle" idx="1"/>
          </p:nvPr>
        </p:nvSpPr>
        <p:spPr>
          <a:xfrm>
            <a:off x="1371618" y="3840498"/>
            <a:ext cx="64008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1pPr>
            <a:lvl2pPr marR="0" lvl="1"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6pPr>
            <a:lvl7pPr marR="0" lvl="6"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7pPr>
            <a:lvl8pPr marR="0" lvl="7"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8pPr>
            <a:lvl9pPr marR="0" lvl="8"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9pPr>
          </a:lstStyle>
          <a:p>
            <a:r>
              <a:rPr lang="en-US"/>
              <a:t>Click to edit Master subtitle style</a:t>
            </a:r>
            <a:endParaRPr/>
          </a:p>
        </p:txBody>
      </p:sp>
      <p:sp>
        <p:nvSpPr>
          <p:cNvPr id="74" name="Google Shape;74;p11"/>
          <p:cNvSpPr txBox="1">
            <a:spLocks noGrp="1"/>
          </p:cNvSpPr>
          <p:nvPr>
            <p:ph type="ftr" idx="11"/>
          </p:nvPr>
        </p:nvSpPr>
        <p:spPr>
          <a:xfrm>
            <a:off x="3108616" y="6377554"/>
            <a:ext cx="29268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75" name="Google Shape;75;p11"/>
          <p:cNvSpPr txBox="1">
            <a:spLocks noGrp="1"/>
          </p:cNvSpPr>
          <p:nvPr>
            <p:ph type="dt" idx="10"/>
          </p:nvPr>
        </p:nvSpPr>
        <p:spPr>
          <a:xfrm>
            <a:off x="457493" y="6377554"/>
            <a:ext cx="21027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76" name="Google Shape;76;p11"/>
          <p:cNvSpPr txBox="1">
            <a:spLocks noGrp="1"/>
          </p:cNvSpPr>
          <p:nvPr>
            <p:ph type="sldNum" idx="12"/>
          </p:nvPr>
        </p:nvSpPr>
        <p:spPr>
          <a:xfrm>
            <a:off x="6583799" y="6377554"/>
            <a:ext cx="2102700" cy="276900"/>
          </a:xfrm>
          <a:prstGeom prst="rect">
            <a:avLst/>
          </a:prstGeom>
          <a:noFill/>
          <a:ln>
            <a:noFill/>
          </a:ln>
        </p:spPr>
        <p:txBody>
          <a:bodyPr spcFirstLastPara="1" wrap="square" lIns="0" tIns="0" rIns="0" bIns="0" anchor="t" anchorCtr="0">
            <a:noAutofit/>
          </a:bodyPr>
          <a:lstStyle>
            <a:lvl1pPr marL="0" marR="0" lvl="0"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1pPr>
            <a:lvl2pPr marL="0" marR="0" lvl="1"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2pPr>
            <a:lvl3pPr marL="0" marR="0" lvl="2"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3pPr>
            <a:lvl4pPr marL="0" marR="0" lvl="3"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4pPr>
            <a:lvl5pPr marL="0" marR="0" lvl="4"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5pPr>
            <a:lvl6pPr marL="0" marR="0" lvl="5"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6pPr>
            <a:lvl7pPr marL="0" marR="0" lvl="6"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7pPr>
            <a:lvl8pPr marL="0" marR="0" lvl="7"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8pPr>
            <a:lvl9pPr marL="0" marR="0" lvl="8"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9pPr>
          </a:lstStyle>
          <a:p>
            <a:pPr marL="0" lvl="0" indent="0">
              <a:spcBef>
                <a:spcPts val="0"/>
              </a:spcBef>
              <a:spcAft>
                <a:spcPts val="0"/>
              </a:spcAft>
              <a:buNone/>
            </a:pPr>
            <a:fld id="{00000000-1234-1234-1234-123412341234}" type="slidenum">
              <a:rPr lang="en-US"/>
              <a:t>‹#›</a:t>
            </a:fld>
            <a:endParaRPr/>
          </a:p>
        </p:txBody>
      </p:sp>
    </p:spTree>
    <p:extLst>
      <p:ext uri="{BB962C8B-B14F-4D97-AF65-F5344CB8AC3E}">
        <p14:creationId xmlns:p14="http://schemas.microsoft.com/office/powerpoint/2010/main" val="2371528999"/>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matchingName="Two Content" preserve="1">
  <p:cSld name="Two Content">
    <p:spTree>
      <p:nvGrpSpPr>
        <p:cNvPr id="1" name="Shape 77"/>
        <p:cNvGrpSpPr/>
        <p:nvPr/>
      </p:nvGrpSpPr>
      <p:grpSpPr>
        <a:xfrm>
          <a:off x="0" y="0"/>
          <a:ext cx="0" cy="0"/>
          <a:chOff x="0" y="0"/>
          <a:chExt cx="0" cy="0"/>
        </a:xfrm>
      </p:grpSpPr>
      <p:sp>
        <p:nvSpPr>
          <p:cNvPr id="78" name="Google Shape;78;p12"/>
          <p:cNvSpPr txBox="1">
            <a:spLocks noGrp="1"/>
          </p:cNvSpPr>
          <p:nvPr>
            <p:ph type="title"/>
          </p:nvPr>
        </p:nvSpPr>
        <p:spPr>
          <a:xfrm>
            <a:off x="457502" y="274558"/>
            <a:ext cx="82290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1pPr>
            <a:lvl2pPr marR="0" lvl="1"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79" name="Google Shape;79;p12"/>
          <p:cNvSpPr txBox="1">
            <a:spLocks noGrp="1"/>
          </p:cNvSpPr>
          <p:nvPr>
            <p:ph type="body" idx="1"/>
          </p:nvPr>
        </p:nvSpPr>
        <p:spPr>
          <a:xfrm>
            <a:off x="457200" y="1577358"/>
            <a:ext cx="3977700" cy="276900"/>
          </a:xfrm>
          <a:prstGeom prst="rect">
            <a:avLst/>
          </a:prstGeom>
          <a:noFill/>
          <a:ln>
            <a:noFill/>
          </a:ln>
        </p:spPr>
        <p:txBody>
          <a:bodyPr spcFirstLastPara="1" wrap="square" lIns="91425" tIns="91425" rIns="91425" bIns="91425" anchor="t" anchorCtr="0"/>
          <a:lstStyle>
            <a:lvl1pPr marL="457200" marR="0" lvl="0"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1pPr>
            <a:lvl2pPr marL="914400" marR="0" lvl="1"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L="1371600" marR="0" lvl="2"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L="1828800" marR="0" lvl="3"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L="2286000" marR="0" lvl="4"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L="2743200" marR="0" lvl="5"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6pPr>
            <a:lvl7pPr marL="3200400" marR="0" lvl="6"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7pPr>
            <a:lvl8pPr marL="3657600" marR="0" lvl="7"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8pPr>
            <a:lvl9pPr marL="4114800" marR="0" lvl="8"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9pPr>
          </a:lstStyle>
          <a:p>
            <a:pPr lvl="0"/>
            <a:r>
              <a:rPr lang="en-US"/>
              <a:t>Edit Master text styles</a:t>
            </a:r>
          </a:p>
        </p:txBody>
      </p:sp>
      <p:sp>
        <p:nvSpPr>
          <p:cNvPr id="80" name="Google Shape;80;p12"/>
          <p:cNvSpPr txBox="1">
            <a:spLocks noGrp="1"/>
          </p:cNvSpPr>
          <p:nvPr>
            <p:ph type="body" idx="2"/>
          </p:nvPr>
        </p:nvSpPr>
        <p:spPr>
          <a:xfrm>
            <a:off x="4709159" y="1577358"/>
            <a:ext cx="3977700" cy="276900"/>
          </a:xfrm>
          <a:prstGeom prst="rect">
            <a:avLst/>
          </a:prstGeom>
          <a:noFill/>
          <a:ln>
            <a:noFill/>
          </a:ln>
        </p:spPr>
        <p:txBody>
          <a:bodyPr spcFirstLastPara="1" wrap="square" lIns="91425" tIns="91425" rIns="91425" bIns="91425" anchor="t" anchorCtr="0"/>
          <a:lstStyle>
            <a:lvl1pPr marL="457200" marR="0" lvl="0"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1pPr>
            <a:lvl2pPr marL="914400" marR="0" lvl="1"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L="1371600" marR="0" lvl="2"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L="1828800" marR="0" lvl="3"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L="2286000" marR="0" lvl="4" indent="-228600" algn="l" rtl="0">
              <a:lnSpc>
                <a:spcPct val="100000"/>
              </a:lnSpc>
              <a:spcBef>
                <a:spcPts val="36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L="2743200" marR="0" lvl="5"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6pPr>
            <a:lvl7pPr marL="3200400" marR="0" lvl="6"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7pPr>
            <a:lvl8pPr marL="3657600" marR="0" lvl="7"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8pPr>
            <a:lvl9pPr marL="4114800" marR="0" lvl="8"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9pPr>
          </a:lstStyle>
          <a:p>
            <a:pPr lvl="0"/>
            <a:r>
              <a:rPr lang="en-US"/>
              <a:t>Edit Master text styles</a:t>
            </a:r>
          </a:p>
        </p:txBody>
      </p:sp>
      <p:sp>
        <p:nvSpPr>
          <p:cNvPr id="81" name="Google Shape;81;p12"/>
          <p:cNvSpPr txBox="1">
            <a:spLocks noGrp="1"/>
          </p:cNvSpPr>
          <p:nvPr>
            <p:ph type="ftr" idx="11"/>
          </p:nvPr>
        </p:nvSpPr>
        <p:spPr>
          <a:xfrm>
            <a:off x="3108616" y="6377554"/>
            <a:ext cx="29268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82" name="Google Shape;82;p12"/>
          <p:cNvSpPr txBox="1">
            <a:spLocks noGrp="1"/>
          </p:cNvSpPr>
          <p:nvPr>
            <p:ph type="dt" idx="10"/>
          </p:nvPr>
        </p:nvSpPr>
        <p:spPr>
          <a:xfrm>
            <a:off x="457493" y="6377554"/>
            <a:ext cx="21027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83" name="Google Shape;83;p12"/>
          <p:cNvSpPr txBox="1">
            <a:spLocks noGrp="1"/>
          </p:cNvSpPr>
          <p:nvPr>
            <p:ph type="sldNum" idx="12"/>
          </p:nvPr>
        </p:nvSpPr>
        <p:spPr>
          <a:xfrm>
            <a:off x="6583799" y="6377554"/>
            <a:ext cx="2102700" cy="276900"/>
          </a:xfrm>
          <a:prstGeom prst="rect">
            <a:avLst/>
          </a:prstGeom>
          <a:noFill/>
          <a:ln>
            <a:noFill/>
          </a:ln>
        </p:spPr>
        <p:txBody>
          <a:bodyPr spcFirstLastPara="1" wrap="square" lIns="0" tIns="0" rIns="0" bIns="0" anchor="t" anchorCtr="0">
            <a:noAutofit/>
          </a:bodyPr>
          <a:lstStyle>
            <a:lvl1pPr marL="0" marR="0" lvl="0"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1pPr>
            <a:lvl2pPr marL="0" marR="0" lvl="1"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2pPr>
            <a:lvl3pPr marL="0" marR="0" lvl="2"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3pPr>
            <a:lvl4pPr marL="0" marR="0" lvl="3"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4pPr>
            <a:lvl5pPr marL="0" marR="0" lvl="4"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5pPr>
            <a:lvl6pPr marL="0" marR="0" lvl="5"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6pPr>
            <a:lvl7pPr marL="0" marR="0" lvl="6"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7pPr>
            <a:lvl8pPr marL="0" marR="0" lvl="7"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8pPr>
            <a:lvl9pPr marL="0" marR="0" lvl="8"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9pPr>
          </a:lstStyle>
          <a:p>
            <a:pPr marL="0" lvl="0" indent="0">
              <a:spcBef>
                <a:spcPts val="0"/>
              </a:spcBef>
              <a:spcAft>
                <a:spcPts val="0"/>
              </a:spcAft>
              <a:buNone/>
            </a:pPr>
            <a:fld id="{00000000-1234-1234-1234-123412341234}" type="slidenum">
              <a:rPr lang="en-US"/>
              <a:t>‹#›</a:t>
            </a:fld>
            <a:endParaRPr/>
          </a:p>
        </p:txBody>
      </p:sp>
    </p:spTree>
    <p:extLst>
      <p:ext uri="{BB962C8B-B14F-4D97-AF65-F5344CB8AC3E}">
        <p14:creationId xmlns:p14="http://schemas.microsoft.com/office/powerpoint/2010/main" val="3267960201"/>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matchingName="Title Only" preserve="1">
  <p:cSld name="Title Only">
    <p:spTree>
      <p:nvGrpSpPr>
        <p:cNvPr id="1" name="Shape 84"/>
        <p:cNvGrpSpPr/>
        <p:nvPr/>
      </p:nvGrpSpPr>
      <p:grpSpPr>
        <a:xfrm>
          <a:off x="0" y="0"/>
          <a:ext cx="0" cy="0"/>
          <a:chOff x="0" y="0"/>
          <a:chExt cx="0" cy="0"/>
        </a:xfrm>
      </p:grpSpPr>
      <p:sp>
        <p:nvSpPr>
          <p:cNvPr id="85" name="Google Shape;85;p13"/>
          <p:cNvSpPr txBox="1">
            <a:spLocks noGrp="1"/>
          </p:cNvSpPr>
          <p:nvPr>
            <p:ph type="title"/>
          </p:nvPr>
        </p:nvSpPr>
        <p:spPr>
          <a:xfrm>
            <a:off x="457502" y="274558"/>
            <a:ext cx="82290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1pPr>
            <a:lvl2pPr marR="0" lvl="1"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900"/>
              <a:buFont typeface="Calibri"/>
              <a:buNone/>
              <a:defRPr sz="19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86" name="Google Shape;86;p13"/>
          <p:cNvSpPr txBox="1">
            <a:spLocks noGrp="1"/>
          </p:cNvSpPr>
          <p:nvPr>
            <p:ph type="ftr" idx="11"/>
          </p:nvPr>
        </p:nvSpPr>
        <p:spPr>
          <a:xfrm>
            <a:off x="3108616" y="6377554"/>
            <a:ext cx="29268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87" name="Google Shape;87;p13"/>
          <p:cNvSpPr txBox="1">
            <a:spLocks noGrp="1"/>
          </p:cNvSpPr>
          <p:nvPr>
            <p:ph type="dt" idx="10"/>
          </p:nvPr>
        </p:nvSpPr>
        <p:spPr>
          <a:xfrm>
            <a:off x="457493" y="6377554"/>
            <a:ext cx="21027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88" name="Google Shape;88;p13"/>
          <p:cNvSpPr txBox="1">
            <a:spLocks noGrp="1"/>
          </p:cNvSpPr>
          <p:nvPr>
            <p:ph type="sldNum" idx="12"/>
          </p:nvPr>
        </p:nvSpPr>
        <p:spPr>
          <a:xfrm>
            <a:off x="6583799" y="6377554"/>
            <a:ext cx="2102700" cy="276900"/>
          </a:xfrm>
          <a:prstGeom prst="rect">
            <a:avLst/>
          </a:prstGeom>
          <a:noFill/>
          <a:ln>
            <a:noFill/>
          </a:ln>
        </p:spPr>
        <p:txBody>
          <a:bodyPr spcFirstLastPara="1" wrap="square" lIns="0" tIns="0" rIns="0" bIns="0" anchor="t" anchorCtr="0">
            <a:noAutofit/>
          </a:bodyPr>
          <a:lstStyle>
            <a:lvl1pPr marL="0" marR="0" lvl="0"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1pPr>
            <a:lvl2pPr marL="0" marR="0" lvl="1"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2pPr>
            <a:lvl3pPr marL="0" marR="0" lvl="2"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3pPr>
            <a:lvl4pPr marL="0" marR="0" lvl="3"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4pPr>
            <a:lvl5pPr marL="0" marR="0" lvl="4"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5pPr>
            <a:lvl6pPr marL="0" marR="0" lvl="5"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6pPr>
            <a:lvl7pPr marL="0" marR="0" lvl="6"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7pPr>
            <a:lvl8pPr marL="0" marR="0" lvl="7"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8pPr>
            <a:lvl9pPr marL="0" marR="0" lvl="8"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9pPr>
          </a:lstStyle>
          <a:p>
            <a:pPr marL="0" lvl="0" indent="0">
              <a:spcBef>
                <a:spcPts val="0"/>
              </a:spcBef>
              <a:spcAft>
                <a:spcPts val="0"/>
              </a:spcAft>
              <a:buNone/>
            </a:pPr>
            <a:fld id="{00000000-1234-1234-1234-123412341234}" type="slidenum">
              <a:rPr lang="en-US"/>
              <a:t>‹#›</a:t>
            </a:fld>
            <a:endParaRPr/>
          </a:p>
        </p:txBody>
      </p:sp>
    </p:spTree>
    <p:extLst>
      <p:ext uri="{BB962C8B-B14F-4D97-AF65-F5344CB8AC3E}">
        <p14:creationId xmlns:p14="http://schemas.microsoft.com/office/powerpoint/2010/main" val="1644333005"/>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matchingName="RespectAbility Title Slide" preserve="1">
  <p:cSld name="RespectAbility Title Slide">
    <p:spTree>
      <p:nvGrpSpPr>
        <p:cNvPr id="1" name="Shape 89"/>
        <p:cNvGrpSpPr/>
        <p:nvPr/>
      </p:nvGrpSpPr>
      <p:grpSpPr>
        <a:xfrm>
          <a:off x="0" y="0"/>
          <a:ext cx="0" cy="0"/>
          <a:chOff x="0" y="0"/>
          <a:chExt cx="0" cy="0"/>
        </a:xfrm>
      </p:grpSpPr>
      <p:pic>
        <p:nvPicPr>
          <p:cNvPr id="90" name="Google Shape;90;p14"/>
          <p:cNvPicPr preferRelativeResize="0"/>
          <p:nvPr/>
        </p:nvPicPr>
        <p:blipFill rotWithShape="1">
          <a:blip r:embed="rId2">
            <a:alphaModFix/>
          </a:blip>
          <a:srcRect/>
          <a:stretch/>
        </p:blipFill>
        <p:spPr>
          <a:xfrm>
            <a:off x="-96838" y="6303962"/>
            <a:ext cx="3419476" cy="650874"/>
          </a:xfrm>
          <a:prstGeom prst="rect">
            <a:avLst/>
          </a:prstGeom>
          <a:noFill/>
          <a:ln>
            <a:noFill/>
          </a:ln>
        </p:spPr>
      </p:pic>
      <p:sp>
        <p:nvSpPr>
          <p:cNvPr id="91" name="Google Shape;91;p14"/>
          <p:cNvSpPr/>
          <p:nvPr/>
        </p:nvSpPr>
        <p:spPr>
          <a:xfrm>
            <a:off x="3276600" y="6400800"/>
            <a:ext cx="5867400" cy="457200"/>
          </a:xfrm>
          <a:prstGeom prst="rect">
            <a:avLst/>
          </a:prstGeom>
          <a:solidFill>
            <a:srgbClr val="FF0000"/>
          </a:solidFill>
          <a:ln w="25400" cap="flat" cmpd="sng">
            <a:solidFill>
              <a:srgbClr val="FF0000"/>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spcBef>
                <a:spcPts val="0"/>
              </a:spcBef>
              <a:spcAft>
                <a:spcPts val="0"/>
              </a:spcAft>
              <a:buClr>
                <a:schemeClr val="dk1"/>
              </a:buClr>
              <a:buSzPts val="1800"/>
              <a:buFont typeface="Arial"/>
              <a:buNone/>
            </a:pPr>
            <a:endParaRPr sz="1800" b="0" i="0" u="none" strike="noStrike" cap="none">
              <a:solidFill>
                <a:srgbClr val="FFFFFF"/>
              </a:solidFill>
              <a:latin typeface="Verdana"/>
              <a:ea typeface="Verdana"/>
              <a:cs typeface="Verdana"/>
              <a:sym typeface="Verdana"/>
            </a:endParaRPr>
          </a:p>
        </p:txBody>
      </p:sp>
      <p:sp>
        <p:nvSpPr>
          <p:cNvPr id="92" name="Google Shape;92;p14"/>
          <p:cNvSpPr/>
          <p:nvPr/>
        </p:nvSpPr>
        <p:spPr>
          <a:xfrm>
            <a:off x="8561388" y="6445250"/>
            <a:ext cx="577800" cy="366600"/>
          </a:xfrm>
          <a:prstGeom prst="rect">
            <a:avLst/>
          </a:prstGeom>
          <a:noFill/>
          <a:ln>
            <a:noFill/>
          </a:ln>
        </p:spPr>
        <p:txBody>
          <a:bodyPr spcFirstLastPara="1" wrap="square" lIns="91425" tIns="45700" rIns="91425" bIns="45700" anchor="t" anchorCtr="0">
            <a:noAutofit/>
          </a:bodyPr>
          <a:lstStyle/>
          <a:p>
            <a:pPr marL="0" marR="0" lvl="0" indent="0" algn="l" rtl="0">
              <a:spcBef>
                <a:spcPts val="0"/>
              </a:spcBef>
              <a:spcAft>
                <a:spcPts val="0"/>
              </a:spcAft>
              <a:buClr>
                <a:srgbClr val="003399"/>
              </a:buClr>
              <a:buSzPts val="1800"/>
              <a:buFont typeface="Verdana"/>
              <a:buNone/>
            </a:pPr>
            <a:fld id="{00000000-1234-1234-1234-123412341234}" type="slidenum">
              <a:rPr lang="en-US" sz="1800" b="0" i="0" u="none" strike="noStrike" cap="none">
                <a:solidFill>
                  <a:srgbClr val="003399"/>
                </a:solidFill>
                <a:latin typeface="Verdana"/>
                <a:ea typeface="Verdana"/>
                <a:cs typeface="Verdana"/>
                <a:sym typeface="Verdana"/>
              </a:rPr>
              <a:t>‹#›</a:t>
            </a:fld>
            <a:endParaRPr sz="1800" b="0" i="0" u="none" strike="noStrike" cap="none">
              <a:solidFill>
                <a:srgbClr val="003399"/>
              </a:solidFill>
              <a:latin typeface="Verdana"/>
              <a:ea typeface="Verdana"/>
              <a:cs typeface="Verdana"/>
              <a:sym typeface="Verdana"/>
            </a:endParaRPr>
          </a:p>
        </p:txBody>
      </p:sp>
      <p:sp>
        <p:nvSpPr>
          <p:cNvPr id="93" name="Google Shape;93;p14"/>
          <p:cNvSpPr/>
          <p:nvPr/>
        </p:nvSpPr>
        <p:spPr>
          <a:xfrm>
            <a:off x="0" y="6324600"/>
            <a:ext cx="9144000" cy="533400"/>
          </a:xfrm>
          <a:prstGeom prst="rect">
            <a:avLst/>
          </a:prstGeom>
          <a:solidFill>
            <a:schemeClr val="lt1"/>
          </a:solidFill>
          <a:ln w="25400" cap="flat" cmpd="sng">
            <a:solidFill>
              <a:schemeClr val="lt1"/>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rtl="0">
              <a:spcBef>
                <a:spcPts val="0"/>
              </a:spcBef>
              <a:spcAft>
                <a:spcPts val="0"/>
              </a:spcAft>
              <a:buClr>
                <a:schemeClr val="dk1"/>
              </a:buClr>
              <a:buSzPts val="1800"/>
              <a:buFont typeface="Arial"/>
              <a:buNone/>
            </a:pPr>
            <a:endParaRPr sz="1800" b="0" i="0" u="none" strike="noStrike" cap="none">
              <a:solidFill>
                <a:srgbClr val="FFFFFF"/>
              </a:solidFill>
              <a:latin typeface="Verdana"/>
              <a:ea typeface="Verdana"/>
              <a:cs typeface="Verdana"/>
              <a:sym typeface="Verdana"/>
            </a:endParaRPr>
          </a:p>
        </p:txBody>
      </p:sp>
      <p:sp>
        <p:nvSpPr>
          <p:cNvPr id="94" name="Google Shape;94;p14"/>
          <p:cNvSpPr txBox="1">
            <a:spLocks noGrp="1"/>
          </p:cNvSpPr>
          <p:nvPr>
            <p:ph type="subTitle" idx="1"/>
          </p:nvPr>
        </p:nvSpPr>
        <p:spPr>
          <a:xfrm>
            <a:off x="1371600" y="4343401"/>
            <a:ext cx="6400800" cy="1066800"/>
          </a:xfrm>
          <a:prstGeom prst="rect">
            <a:avLst/>
          </a:prstGeom>
          <a:noFill/>
          <a:ln>
            <a:noFill/>
          </a:ln>
        </p:spPr>
        <p:txBody>
          <a:bodyPr spcFirstLastPara="1" wrap="square" lIns="91425" tIns="91425" rIns="91425" bIns="91425" anchor="t" anchorCtr="0"/>
          <a:lstStyle>
            <a:lvl1pPr marR="0" lvl="0" algn="ctr" rtl="0">
              <a:lnSpc>
                <a:spcPct val="100000"/>
              </a:lnSpc>
              <a:spcBef>
                <a:spcPts val="360"/>
              </a:spcBef>
              <a:spcAft>
                <a:spcPts val="0"/>
              </a:spcAft>
              <a:buClr>
                <a:srgbClr val="888888"/>
              </a:buClr>
              <a:buSzPts val="1800"/>
              <a:buFont typeface="Arial"/>
              <a:buNone/>
              <a:defRPr sz="1800" b="0" i="0" u="none" strike="noStrike" cap="none">
                <a:solidFill>
                  <a:srgbClr val="888888"/>
                </a:solidFill>
                <a:latin typeface="Calibri"/>
                <a:ea typeface="Calibri"/>
                <a:cs typeface="Calibri"/>
                <a:sym typeface="Calibri"/>
              </a:defRPr>
            </a:lvl1pPr>
            <a:lvl2pPr marR="0" lvl="1" algn="ctr" rtl="0">
              <a:lnSpc>
                <a:spcPct val="100000"/>
              </a:lnSpc>
              <a:spcBef>
                <a:spcPts val="560"/>
              </a:spcBef>
              <a:spcAft>
                <a:spcPts val="0"/>
              </a:spcAft>
              <a:buClr>
                <a:srgbClr val="888888"/>
              </a:buClr>
              <a:buSzPts val="2800"/>
              <a:buFont typeface="Arial"/>
              <a:buNone/>
              <a:defRPr sz="2800" b="0" i="0" u="none" strike="noStrike" cap="none">
                <a:solidFill>
                  <a:srgbClr val="888888"/>
                </a:solidFill>
                <a:latin typeface="Calibri"/>
                <a:ea typeface="Calibri"/>
                <a:cs typeface="Calibri"/>
                <a:sym typeface="Calibri"/>
              </a:defRPr>
            </a:lvl2pPr>
            <a:lvl3pPr marR="0" lvl="2" algn="ctr" rtl="0">
              <a:lnSpc>
                <a:spcPct val="100000"/>
              </a:lnSpc>
              <a:spcBef>
                <a:spcPts val="480"/>
              </a:spcBef>
              <a:spcAft>
                <a:spcPts val="0"/>
              </a:spcAft>
              <a:buClr>
                <a:srgbClr val="888888"/>
              </a:buClr>
              <a:buSzPts val="2400"/>
              <a:buFont typeface="Arial"/>
              <a:buNone/>
              <a:defRPr sz="2400" b="0" i="0" u="none" strike="noStrike" cap="none">
                <a:solidFill>
                  <a:srgbClr val="888888"/>
                </a:solidFill>
                <a:latin typeface="Calibri"/>
                <a:ea typeface="Calibri"/>
                <a:cs typeface="Calibri"/>
                <a:sym typeface="Calibri"/>
              </a:defRPr>
            </a:lvl3pPr>
            <a:lvl4pPr marR="0" lvl="3" algn="ctr" rtl="0">
              <a:lnSpc>
                <a:spcPct val="100000"/>
              </a:lnSpc>
              <a:spcBef>
                <a:spcPts val="400"/>
              </a:spcBef>
              <a:spcAft>
                <a:spcPts val="0"/>
              </a:spcAft>
              <a:buClr>
                <a:srgbClr val="888888"/>
              </a:buClr>
              <a:buSzPts val="2000"/>
              <a:buFont typeface="Arial"/>
              <a:buNone/>
              <a:defRPr sz="2000" b="0" i="0" u="none" strike="noStrike" cap="none">
                <a:solidFill>
                  <a:srgbClr val="888888"/>
                </a:solidFill>
                <a:latin typeface="Calibri"/>
                <a:ea typeface="Calibri"/>
                <a:cs typeface="Calibri"/>
                <a:sym typeface="Calibri"/>
              </a:defRPr>
            </a:lvl4pPr>
            <a:lvl5pPr marR="0" lvl="4" algn="ctr" rtl="0">
              <a:lnSpc>
                <a:spcPct val="100000"/>
              </a:lnSpc>
              <a:spcBef>
                <a:spcPts val="400"/>
              </a:spcBef>
              <a:spcAft>
                <a:spcPts val="0"/>
              </a:spcAft>
              <a:buClr>
                <a:srgbClr val="888888"/>
              </a:buClr>
              <a:buSzPts val="2000"/>
              <a:buFont typeface="Arial"/>
              <a:buNone/>
              <a:defRPr sz="2000" b="0" i="0" u="none" strike="noStrike" cap="none">
                <a:solidFill>
                  <a:srgbClr val="888888"/>
                </a:solidFill>
                <a:latin typeface="Calibri"/>
                <a:ea typeface="Calibri"/>
                <a:cs typeface="Calibri"/>
                <a:sym typeface="Calibri"/>
              </a:defRPr>
            </a:lvl5pPr>
            <a:lvl6pPr marR="0" lvl="5" algn="ctr" rtl="0">
              <a:lnSpc>
                <a:spcPct val="100000"/>
              </a:lnSpc>
              <a:spcBef>
                <a:spcPts val="400"/>
              </a:spcBef>
              <a:spcAft>
                <a:spcPts val="0"/>
              </a:spcAft>
              <a:buClr>
                <a:srgbClr val="888888"/>
              </a:buClr>
              <a:buSzPts val="2000"/>
              <a:buFont typeface="Arial"/>
              <a:buNone/>
              <a:defRPr sz="2000" b="0" i="0" u="none" strike="noStrike" cap="none">
                <a:solidFill>
                  <a:srgbClr val="888888"/>
                </a:solidFill>
                <a:latin typeface="Calibri"/>
                <a:ea typeface="Calibri"/>
                <a:cs typeface="Calibri"/>
                <a:sym typeface="Calibri"/>
              </a:defRPr>
            </a:lvl6pPr>
            <a:lvl7pPr marR="0" lvl="6" algn="ctr" rtl="0">
              <a:lnSpc>
                <a:spcPct val="100000"/>
              </a:lnSpc>
              <a:spcBef>
                <a:spcPts val="400"/>
              </a:spcBef>
              <a:spcAft>
                <a:spcPts val="0"/>
              </a:spcAft>
              <a:buClr>
                <a:srgbClr val="888888"/>
              </a:buClr>
              <a:buSzPts val="2000"/>
              <a:buFont typeface="Arial"/>
              <a:buNone/>
              <a:defRPr sz="2000" b="0" i="0" u="none" strike="noStrike" cap="none">
                <a:solidFill>
                  <a:srgbClr val="888888"/>
                </a:solidFill>
                <a:latin typeface="Calibri"/>
                <a:ea typeface="Calibri"/>
                <a:cs typeface="Calibri"/>
                <a:sym typeface="Calibri"/>
              </a:defRPr>
            </a:lvl7pPr>
            <a:lvl8pPr marR="0" lvl="7" algn="ctr" rtl="0">
              <a:lnSpc>
                <a:spcPct val="100000"/>
              </a:lnSpc>
              <a:spcBef>
                <a:spcPts val="400"/>
              </a:spcBef>
              <a:spcAft>
                <a:spcPts val="0"/>
              </a:spcAft>
              <a:buClr>
                <a:srgbClr val="888888"/>
              </a:buClr>
              <a:buSzPts val="2000"/>
              <a:buFont typeface="Arial"/>
              <a:buNone/>
              <a:defRPr sz="2000" b="0" i="0" u="none" strike="noStrike" cap="none">
                <a:solidFill>
                  <a:srgbClr val="888888"/>
                </a:solidFill>
                <a:latin typeface="Calibri"/>
                <a:ea typeface="Calibri"/>
                <a:cs typeface="Calibri"/>
                <a:sym typeface="Calibri"/>
              </a:defRPr>
            </a:lvl8pPr>
            <a:lvl9pPr marR="0" lvl="8" algn="ctr" rtl="0">
              <a:lnSpc>
                <a:spcPct val="100000"/>
              </a:lnSpc>
              <a:spcBef>
                <a:spcPts val="400"/>
              </a:spcBef>
              <a:spcAft>
                <a:spcPts val="0"/>
              </a:spcAft>
              <a:buClr>
                <a:srgbClr val="888888"/>
              </a:buClr>
              <a:buSzPts val="2000"/>
              <a:buFont typeface="Arial"/>
              <a:buNone/>
              <a:defRPr sz="2000" b="0" i="0" u="none" strike="noStrike" cap="none">
                <a:solidFill>
                  <a:srgbClr val="888888"/>
                </a:solidFill>
                <a:latin typeface="Calibri"/>
                <a:ea typeface="Calibri"/>
                <a:cs typeface="Calibri"/>
                <a:sym typeface="Calibri"/>
              </a:defRPr>
            </a:lvl9pPr>
          </a:lstStyle>
          <a:p>
            <a:r>
              <a:rPr lang="en-US"/>
              <a:t>Click to edit Master subtitle style</a:t>
            </a:r>
            <a:endParaRPr/>
          </a:p>
        </p:txBody>
      </p:sp>
    </p:spTree>
    <p:extLst>
      <p:ext uri="{BB962C8B-B14F-4D97-AF65-F5344CB8AC3E}">
        <p14:creationId xmlns:p14="http://schemas.microsoft.com/office/powerpoint/2010/main" val="914185003"/>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matchingName="Section Header" type="secHead" preserve="1">
  <p:cSld name="Section Header">
    <p:spTree>
      <p:nvGrpSpPr>
        <p:cNvPr id="1" name="Shape 95"/>
        <p:cNvGrpSpPr/>
        <p:nvPr/>
      </p:nvGrpSpPr>
      <p:grpSpPr>
        <a:xfrm>
          <a:off x="0" y="0"/>
          <a:ext cx="0" cy="0"/>
          <a:chOff x="0" y="0"/>
          <a:chExt cx="0" cy="0"/>
        </a:xfrm>
      </p:grpSpPr>
      <p:sp>
        <p:nvSpPr>
          <p:cNvPr id="96" name="Google Shape;96;p15"/>
          <p:cNvSpPr txBox="1">
            <a:spLocks noGrp="1"/>
          </p:cNvSpPr>
          <p:nvPr>
            <p:ph type="title"/>
          </p:nvPr>
        </p:nvSpPr>
        <p:spPr>
          <a:xfrm>
            <a:off x="722312" y="4406900"/>
            <a:ext cx="7772400" cy="13620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chemeClr val="dk1"/>
              </a:buClr>
              <a:buSzPts val="4000"/>
              <a:buFont typeface="Calibri"/>
              <a:buNone/>
              <a:defRPr sz="4000" b="1" i="0" u="none" strike="noStrike" cap="none">
                <a:solidFill>
                  <a:schemeClr val="dk1"/>
                </a:solidFill>
                <a:latin typeface="Calibri"/>
                <a:ea typeface="Calibri"/>
                <a:cs typeface="Calibri"/>
                <a:sym typeface="Calibri"/>
              </a:defRPr>
            </a:lvl1pPr>
            <a:lvl2pPr marR="0" lvl="1"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97" name="Google Shape;97;p15"/>
          <p:cNvSpPr txBox="1">
            <a:spLocks noGrp="1"/>
          </p:cNvSpPr>
          <p:nvPr>
            <p:ph type="body" idx="1"/>
          </p:nvPr>
        </p:nvSpPr>
        <p:spPr>
          <a:xfrm>
            <a:off x="722312" y="2906713"/>
            <a:ext cx="7772400" cy="1500300"/>
          </a:xfrm>
          <a:prstGeom prst="rect">
            <a:avLst/>
          </a:prstGeom>
          <a:noFill/>
          <a:ln>
            <a:noFill/>
          </a:ln>
        </p:spPr>
        <p:txBody>
          <a:bodyPr spcFirstLastPara="1" wrap="square" lIns="91425" tIns="91425" rIns="91425" bIns="91425" anchor="b" anchorCtr="0"/>
          <a:lstStyle>
            <a:lvl1pPr marL="457200" marR="0" lvl="0" indent="-228600" algn="l" rtl="0">
              <a:lnSpc>
                <a:spcPct val="100000"/>
              </a:lnSpc>
              <a:spcBef>
                <a:spcPts val="400"/>
              </a:spcBef>
              <a:spcAft>
                <a:spcPts val="0"/>
              </a:spcAft>
              <a:buClr>
                <a:srgbClr val="888888"/>
              </a:buClr>
              <a:buSzPts val="2000"/>
              <a:buFont typeface="Arial"/>
              <a:buNone/>
              <a:defRPr sz="2000" b="0" i="0" u="none" strike="noStrike" cap="none">
                <a:solidFill>
                  <a:srgbClr val="888888"/>
                </a:solidFill>
                <a:latin typeface="Calibri"/>
                <a:ea typeface="Calibri"/>
                <a:cs typeface="Calibri"/>
                <a:sym typeface="Calibri"/>
              </a:defRPr>
            </a:lvl1pPr>
            <a:lvl2pPr marL="914400" marR="0" lvl="1" indent="-228600" algn="l" rtl="0">
              <a:lnSpc>
                <a:spcPct val="100000"/>
              </a:lnSpc>
              <a:spcBef>
                <a:spcPts val="360"/>
              </a:spcBef>
              <a:spcAft>
                <a:spcPts val="0"/>
              </a:spcAft>
              <a:buClr>
                <a:srgbClr val="888888"/>
              </a:buClr>
              <a:buSzPts val="1800"/>
              <a:buFont typeface="Arial"/>
              <a:buNone/>
              <a:defRPr sz="1800" b="0" i="0" u="none" strike="noStrike" cap="none">
                <a:solidFill>
                  <a:srgbClr val="888888"/>
                </a:solidFill>
                <a:latin typeface="Calibri"/>
                <a:ea typeface="Calibri"/>
                <a:cs typeface="Calibri"/>
                <a:sym typeface="Calibri"/>
              </a:defRPr>
            </a:lvl2pPr>
            <a:lvl3pPr marL="1371600" marR="0" lvl="2" indent="-228600" algn="l" rtl="0">
              <a:lnSpc>
                <a:spcPct val="100000"/>
              </a:lnSpc>
              <a:spcBef>
                <a:spcPts val="320"/>
              </a:spcBef>
              <a:spcAft>
                <a:spcPts val="0"/>
              </a:spcAft>
              <a:buClr>
                <a:srgbClr val="888888"/>
              </a:buClr>
              <a:buSzPts val="1600"/>
              <a:buFont typeface="Arial"/>
              <a:buNone/>
              <a:defRPr sz="1600" b="0" i="0" u="none" strike="noStrike" cap="none">
                <a:solidFill>
                  <a:srgbClr val="888888"/>
                </a:solidFill>
                <a:latin typeface="Calibri"/>
                <a:ea typeface="Calibri"/>
                <a:cs typeface="Calibri"/>
                <a:sym typeface="Calibri"/>
              </a:defRPr>
            </a:lvl3pPr>
            <a:lvl4pPr marL="1828800" marR="0" lvl="3" indent="-228600" algn="l" rtl="0">
              <a:lnSpc>
                <a:spcPct val="100000"/>
              </a:lnSpc>
              <a:spcBef>
                <a:spcPts val="280"/>
              </a:spcBef>
              <a:spcAft>
                <a:spcPts val="0"/>
              </a:spcAft>
              <a:buClr>
                <a:srgbClr val="888888"/>
              </a:buClr>
              <a:buSzPts val="1400"/>
              <a:buFont typeface="Arial"/>
              <a:buNone/>
              <a:defRPr sz="1400" b="0" i="0" u="none" strike="noStrike" cap="none">
                <a:solidFill>
                  <a:srgbClr val="888888"/>
                </a:solidFill>
                <a:latin typeface="Calibri"/>
                <a:ea typeface="Calibri"/>
                <a:cs typeface="Calibri"/>
                <a:sym typeface="Calibri"/>
              </a:defRPr>
            </a:lvl4pPr>
            <a:lvl5pPr marL="2286000" marR="0" lvl="4" indent="-228600" algn="l" rtl="0">
              <a:lnSpc>
                <a:spcPct val="100000"/>
              </a:lnSpc>
              <a:spcBef>
                <a:spcPts val="280"/>
              </a:spcBef>
              <a:spcAft>
                <a:spcPts val="0"/>
              </a:spcAft>
              <a:buClr>
                <a:srgbClr val="888888"/>
              </a:buClr>
              <a:buSzPts val="1400"/>
              <a:buFont typeface="Arial"/>
              <a:buNone/>
              <a:defRPr sz="1400" b="0" i="0" u="none" strike="noStrike" cap="none">
                <a:solidFill>
                  <a:srgbClr val="888888"/>
                </a:solidFill>
                <a:latin typeface="Calibri"/>
                <a:ea typeface="Calibri"/>
                <a:cs typeface="Calibri"/>
                <a:sym typeface="Calibri"/>
              </a:defRPr>
            </a:lvl5pPr>
            <a:lvl6pPr marL="2743200" marR="0" lvl="5" indent="-228600" algn="l" rtl="0">
              <a:lnSpc>
                <a:spcPct val="100000"/>
              </a:lnSpc>
              <a:spcBef>
                <a:spcPts val="280"/>
              </a:spcBef>
              <a:spcAft>
                <a:spcPts val="0"/>
              </a:spcAft>
              <a:buClr>
                <a:srgbClr val="888888"/>
              </a:buClr>
              <a:buSzPts val="1400"/>
              <a:buFont typeface="Arial"/>
              <a:buNone/>
              <a:defRPr sz="1400" b="0" i="0" u="none" strike="noStrike" cap="none">
                <a:solidFill>
                  <a:srgbClr val="888888"/>
                </a:solidFill>
                <a:latin typeface="Calibri"/>
                <a:ea typeface="Calibri"/>
                <a:cs typeface="Calibri"/>
                <a:sym typeface="Calibri"/>
              </a:defRPr>
            </a:lvl6pPr>
            <a:lvl7pPr marL="3200400" marR="0" lvl="6" indent="-228600" algn="l" rtl="0">
              <a:lnSpc>
                <a:spcPct val="100000"/>
              </a:lnSpc>
              <a:spcBef>
                <a:spcPts val="280"/>
              </a:spcBef>
              <a:spcAft>
                <a:spcPts val="0"/>
              </a:spcAft>
              <a:buClr>
                <a:srgbClr val="888888"/>
              </a:buClr>
              <a:buSzPts val="1400"/>
              <a:buFont typeface="Arial"/>
              <a:buNone/>
              <a:defRPr sz="1400" b="0" i="0" u="none" strike="noStrike" cap="none">
                <a:solidFill>
                  <a:srgbClr val="888888"/>
                </a:solidFill>
                <a:latin typeface="Calibri"/>
                <a:ea typeface="Calibri"/>
                <a:cs typeface="Calibri"/>
                <a:sym typeface="Calibri"/>
              </a:defRPr>
            </a:lvl7pPr>
            <a:lvl8pPr marL="3657600" marR="0" lvl="7" indent="-228600" algn="l" rtl="0">
              <a:lnSpc>
                <a:spcPct val="100000"/>
              </a:lnSpc>
              <a:spcBef>
                <a:spcPts val="280"/>
              </a:spcBef>
              <a:spcAft>
                <a:spcPts val="0"/>
              </a:spcAft>
              <a:buClr>
                <a:srgbClr val="888888"/>
              </a:buClr>
              <a:buSzPts val="1400"/>
              <a:buFont typeface="Arial"/>
              <a:buNone/>
              <a:defRPr sz="1400" b="0" i="0" u="none" strike="noStrike" cap="none">
                <a:solidFill>
                  <a:srgbClr val="888888"/>
                </a:solidFill>
                <a:latin typeface="Calibri"/>
                <a:ea typeface="Calibri"/>
                <a:cs typeface="Calibri"/>
                <a:sym typeface="Calibri"/>
              </a:defRPr>
            </a:lvl8pPr>
            <a:lvl9pPr marL="4114800" marR="0" lvl="8" indent="-228600" algn="l" rtl="0">
              <a:lnSpc>
                <a:spcPct val="100000"/>
              </a:lnSpc>
              <a:spcBef>
                <a:spcPts val="280"/>
              </a:spcBef>
              <a:spcAft>
                <a:spcPts val="0"/>
              </a:spcAft>
              <a:buClr>
                <a:srgbClr val="888888"/>
              </a:buClr>
              <a:buSzPts val="1400"/>
              <a:buFont typeface="Arial"/>
              <a:buNone/>
              <a:defRPr sz="1400" b="0" i="0" u="none" strike="noStrike" cap="none">
                <a:solidFill>
                  <a:srgbClr val="888888"/>
                </a:solidFill>
                <a:latin typeface="Calibri"/>
                <a:ea typeface="Calibri"/>
                <a:cs typeface="Calibri"/>
                <a:sym typeface="Calibri"/>
              </a:defRPr>
            </a:lvl9pPr>
          </a:lstStyle>
          <a:p>
            <a:pPr lvl="0"/>
            <a:r>
              <a:rPr lang="en-US"/>
              <a:t>Edit Master text styles</a:t>
            </a:r>
          </a:p>
        </p:txBody>
      </p:sp>
      <p:sp>
        <p:nvSpPr>
          <p:cNvPr id="98" name="Google Shape;98;p15"/>
          <p:cNvSpPr txBox="1">
            <a:spLocks noGrp="1"/>
          </p:cNvSpPr>
          <p:nvPr>
            <p:ph type="dt" idx="10"/>
          </p:nvPr>
        </p:nvSpPr>
        <p:spPr>
          <a:xfrm>
            <a:off x="457200" y="6356350"/>
            <a:ext cx="2133600" cy="365100"/>
          </a:xfrm>
          <a:prstGeom prst="rect">
            <a:avLst/>
          </a:prstGeom>
          <a:noFill/>
          <a:ln>
            <a:noFill/>
          </a:ln>
        </p:spPr>
        <p:txBody>
          <a:bodyPr spcFirstLastPara="1" wrap="square" lIns="91425" tIns="91425" rIns="91425" bIns="91425" anchor="ctr" anchorCtr="0"/>
          <a:lstStyle>
            <a:lvl1pPr marR="0" lvl="0" algn="l" rtl="0">
              <a:lnSpc>
                <a:spcPct val="100000"/>
              </a:lnSpc>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endParaRPr/>
          </a:p>
        </p:txBody>
      </p:sp>
      <p:sp>
        <p:nvSpPr>
          <p:cNvPr id="99" name="Google Shape;99;p15"/>
          <p:cNvSpPr txBox="1">
            <a:spLocks noGrp="1"/>
          </p:cNvSpPr>
          <p:nvPr>
            <p:ph type="ftr" idx="11"/>
          </p:nvPr>
        </p:nvSpPr>
        <p:spPr>
          <a:xfrm>
            <a:off x="3124200" y="6356350"/>
            <a:ext cx="2895600" cy="365100"/>
          </a:xfrm>
          <a:prstGeom prst="rect">
            <a:avLst/>
          </a:prstGeom>
          <a:noFill/>
          <a:ln>
            <a:noFill/>
          </a:ln>
        </p:spPr>
        <p:txBody>
          <a:bodyPr spcFirstLastPara="1" wrap="square" lIns="91425" tIns="91425" rIns="91425" bIns="91425" anchor="ctr" anchorCtr="0"/>
          <a:lstStyle>
            <a:lvl1pPr marR="0" lvl="0" algn="ctr" rtl="0">
              <a:lnSpc>
                <a:spcPct val="100000"/>
              </a:lnSpc>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endParaRPr/>
          </a:p>
        </p:txBody>
      </p:sp>
    </p:spTree>
    <p:extLst>
      <p:ext uri="{BB962C8B-B14F-4D97-AF65-F5344CB8AC3E}">
        <p14:creationId xmlns:p14="http://schemas.microsoft.com/office/powerpoint/2010/main" val="1166637471"/>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matchingName="1_Title and Content" preserve="1">
  <p:cSld name="1_Title and Content">
    <p:spTree>
      <p:nvGrpSpPr>
        <p:cNvPr id="1" name="Shape 100"/>
        <p:cNvGrpSpPr/>
        <p:nvPr/>
      </p:nvGrpSpPr>
      <p:grpSpPr>
        <a:xfrm>
          <a:off x="0" y="0"/>
          <a:ext cx="0" cy="0"/>
          <a:chOff x="0" y="0"/>
          <a:chExt cx="0" cy="0"/>
        </a:xfrm>
      </p:grpSpPr>
      <p:pic>
        <p:nvPicPr>
          <p:cNvPr id="101" name="Google Shape;101;p16"/>
          <p:cNvPicPr preferRelativeResize="0"/>
          <p:nvPr/>
        </p:nvPicPr>
        <p:blipFill rotWithShape="1">
          <a:blip r:embed="rId2">
            <a:alphaModFix/>
          </a:blip>
          <a:srcRect/>
          <a:stretch/>
        </p:blipFill>
        <p:spPr>
          <a:xfrm>
            <a:off x="0" y="0"/>
            <a:ext cx="9161463" cy="990598"/>
          </a:xfrm>
          <a:prstGeom prst="rect">
            <a:avLst/>
          </a:prstGeom>
          <a:noFill/>
          <a:ln>
            <a:noFill/>
          </a:ln>
        </p:spPr>
      </p:pic>
      <p:sp>
        <p:nvSpPr>
          <p:cNvPr id="102" name="Google Shape;102;p16"/>
          <p:cNvSpPr txBox="1">
            <a:spLocks noGrp="1"/>
          </p:cNvSpPr>
          <p:nvPr>
            <p:ph type="title"/>
          </p:nvPr>
        </p:nvSpPr>
        <p:spPr>
          <a:xfrm>
            <a:off x="448558" y="49179"/>
            <a:ext cx="8314500" cy="941400"/>
          </a:xfrm>
          <a:prstGeom prst="rect">
            <a:avLst/>
          </a:prstGeom>
          <a:noFill/>
          <a:ln>
            <a:noFill/>
          </a:ln>
        </p:spPr>
        <p:txBody>
          <a:bodyPr spcFirstLastPara="1" wrap="square" lIns="91425" tIns="91425" rIns="91425" bIns="91425" anchor="ctr" anchorCtr="0"/>
          <a:lstStyle>
            <a:lvl1pPr marR="0" lvl="0" algn="ctr" rtl="0">
              <a:lnSpc>
                <a:spcPct val="100000"/>
              </a:lnSpc>
              <a:spcBef>
                <a:spcPts val="0"/>
              </a:spcBef>
              <a:spcAft>
                <a:spcPts val="0"/>
              </a:spcAft>
              <a:buClr>
                <a:schemeClr val="lt1"/>
              </a:buClr>
              <a:buSzPts val="4000"/>
              <a:buFont typeface="Calibri"/>
              <a:buNone/>
              <a:defRPr sz="4000" b="0" i="0" u="none" strike="noStrike" cap="none">
                <a:solidFill>
                  <a:schemeClr val="lt1"/>
                </a:solidFill>
                <a:latin typeface="Calibri"/>
                <a:ea typeface="Calibri"/>
                <a:cs typeface="Calibri"/>
                <a:sym typeface="Calibri"/>
              </a:defRPr>
            </a:lvl1pPr>
            <a:lvl2pPr marR="0" lvl="1"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103" name="Google Shape;103;p16"/>
          <p:cNvSpPr txBox="1">
            <a:spLocks noGrp="1"/>
          </p:cNvSpPr>
          <p:nvPr>
            <p:ph type="body" idx="1"/>
          </p:nvPr>
        </p:nvSpPr>
        <p:spPr>
          <a:xfrm>
            <a:off x="457200" y="1676400"/>
            <a:ext cx="8305800" cy="4038600"/>
          </a:xfrm>
          <a:prstGeom prst="rect">
            <a:avLst/>
          </a:prstGeom>
          <a:noFill/>
          <a:ln>
            <a:noFill/>
          </a:ln>
        </p:spPr>
        <p:txBody>
          <a:bodyPr spcFirstLastPara="1" wrap="square" lIns="91425" tIns="91425" rIns="91425" bIns="91425" anchor="t" anchorCtr="0"/>
          <a:lstStyle>
            <a:lvl1pPr marL="457200" marR="0" lvl="0" indent="-431800" algn="l" rtl="0">
              <a:lnSpc>
                <a:spcPct val="100000"/>
              </a:lnSpc>
              <a:spcBef>
                <a:spcPts val="640"/>
              </a:spcBef>
              <a:spcAft>
                <a:spcPts val="0"/>
              </a:spcAft>
              <a:buClr>
                <a:schemeClr val="dk1"/>
              </a:buClr>
              <a:buSzPts val="3200"/>
              <a:buFont typeface="Arial"/>
              <a:buChar char="•"/>
              <a:defRPr sz="3200" b="0" i="0" u="none" strike="noStrike" cap="none">
                <a:solidFill>
                  <a:schemeClr val="dk1"/>
                </a:solidFill>
                <a:latin typeface="Calibri"/>
                <a:ea typeface="Calibri"/>
                <a:cs typeface="Calibri"/>
                <a:sym typeface="Calibri"/>
              </a:defRPr>
            </a:lvl1pPr>
            <a:lvl2pPr marL="914400" marR="0" lvl="1" indent="-406400" algn="l" rtl="0">
              <a:lnSpc>
                <a:spcPct val="100000"/>
              </a:lnSpc>
              <a:spcBef>
                <a:spcPts val="560"/>
              </a:spcBef>
              <a:spcAft>
                <a:spcPts val="0"/>
              </a:spcAft>
              <a:buClr>
                <a:schemeClr val="dk1"/>
              </a:buClr>
              <a:buSzPts val="2800"/>
              <a:buFont typeface="Arial"/>
              <a:buChar char="–"/>
              <a:defRPr sz="2800" b="0" i="0" u="none" strike="noStrike" cap="none">
                <a:solidFill>
                  <a:schemeClr val="dk1"/>
                </a:solidFill>
                <a:latin typeface="Calibri"/>
                <a:ea typeface="Calibri"/>
                <a:cs typeface="Calibri"/>
                <a:sym typeface="Calibri"/>
              </a:defRPr>
            </a:lvl2pPr>
            <a:lvl3pPr marL="1371600" marR="0" lvl="2" indent="-381000" algn="l" rtl="0">
              <a:lnSpc>
                <a:spcPct val="100000"/>
              </a:lnSpc>
              <a:spcBef>
                <a:spcPts val="480"/>
              </a:spcBef>
              <a:spcAft>
                <a:spcPts val="0"/>
              </a:spcAft>
              <a:buClr>
                <a:schemeClr val="dk1"/>
              </a:buClr>
              <a:buSzPts val="2400"/>
              <a:buFont typeface="Arial"/>
              <a:buChar char="•"/>
              <a:defRPr sz="2400" b="0" i="0" u="none" strike="noStrike" cap="none">
                <a:solidFill>
                  <a:schemeClr val="dk1"/>
                </a:solidFill>
                <a:latin typeface="Calibri"/>
                <a:ea typeface="Calibri"/>
                <a:cs typeface="Calibri"/>
                <a:sym typeface="Calibri"/>
              </a:defRPr>
            </a:lvl3pPr>
            <a:lvl4pPr marL="1828800" marR="0" lvl="3"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4pPr>
            <a:lvl5pPr marL="2286000" marR="0" lvl="4"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5pPr>
            <a:lvl6pPr marL="2743200" marR="0" lvl="5"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6pPr>
            <a:lvl7pPr marL="3200400" marR="0" lvl="6"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7pPr>
            <a:lvl8pPr marL="3657600" marR="0" lvl="7"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8pPr>
            <a:lvl9pPr marL="4114800" marR="0" lvl="8"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104" name="Google Shape;104;p16"/>
          <p:cNvSpPr txBox="1">
            <a:spLocks noGrp="1"/>
          </p:cNvSpPr>
          <p:nvPr>
            <p:ph type="body" idx="2"/>
          </p:nvPr>
        </p:nvSpPr>
        <p:spPr>
          <a:xfrm>
            <a:off x="457200" y="1066800"/>
            <a:ext cx="8153400" cy="609600"/>
          </a:xfrm>
          <a:prstGeom prst="rect">
            <a:avLst/>
          </a:prstGeom>
          <a:noFill/>
          <a:ln>
            <a:noFill/>
          </a:ln>
        </p:spPr>
        <p:txBody>
          <a:bodyPr spcFirstLastPara="1" wrap="square" lIns="91425" tIns="91425" rIns="91425" bIns="91425" anchor="t" anchorCtr="0"/>
          <a:lstStyle>
            <a:lvl1pPr marL="457200" marR="0" lvl="0" indent="-228600" algn="l" rtl="0">
              <a:lnSpc>
                <a:spcPct val="100000"/>
              </a:lnSpc>
              <a:spcBef>
                <a:spcPts val="400"/>
              </a:spcBef>
              <a:spcAft>
                <a:spcPts val="0"/>
              </a:spcAft>
              <a:buClr>
                <a:schemeClr val="dk1"/>
              </a:buClr>
              <a:buSzPts val="2000"/>
              <a:buFont typeface="Arial"/>
              <a:buNone/>
              <a:defRPr sz="2000" b="1" i="0" u="none" strike="noStrike" cap="none">
                <a:solidFill>
                  <a:schemeClr val="dk1"/>
                </a:solidFill>
                <a:latin typeface="Calibri"/>
                <a:ea typeface="Calibri"/>
                <a:cs typeface="Calibri"/>
                <a:sym typeface="Calibri"/>
              </a:defRPr>
            </a:lvl1pPr>
            <a:lvl2pPr marL="914400" marR="0" lvl="1" indent="-228600" algn="l" rtl="0">
              <a:lnSpc>
                <a:spcPct val="100000"/>
              </a:lnSpc>
              <a:spcBef>
                <a:spcPts val="280"/>
              </a:spcBef>
              <a:spcAft>
                <a:spcPts val="0"/>
              </a:spcAft>
              <a:buClr>
                <a:schemeClr val="dk1"/>
              </a:buClr>
              <a:buSzPts val="1400"/>
              <a:buFont typeface="Arial"/>
              <a:buNone/>
              <a:defRPr sz="1400" b="0" i="0" u="none" strike="noStrike" cap="none">
                <a:solidFill>
                  <a:schemeClr val="dk1"/>
                </a:solidFill>
                <a:latin typeface="Calibri"/>
                <a:ea typeface="Calibri"/>
                <a:cs typeface="Calibri"/>
                <a:sym typeface="Calibri"/>
              </a:defRPr>
            </a:lvl2pPr>
            <a:lvl3pPr marL="1371600" marR="0" lvl="2" indent="-228600" algn="l" rtl="0">
              <a:lnSpc>
                <a:spcPct val="100000"/>
              </a:lnSpc>
              <a:spcBef>
                <a:spcPts val="280"/>
              </a:spcBef>
              <a:spcAft>
                <a:spcPts val="0"/>
              </a:spcAft>
              <a:buClr>
                <a:schemeClr val="dk1"/>
              </a:buClr>
              <a:buSzPts val="1400"/>
              <a:buFont typeface="Arial"/>
              <a:buNone/>
              <a:defRPr sz="1400" b="0" i="0" u="none" strike="noStrike" cap="none">
                <a:solidFill>
                  <a:schemeClr val="dk1"/>
                </a:solidFill>
                <a:latin typeface="Calibri"/>
                <a:ea typeface="Calibri"/>
                <a:cs typeface="Calibri"/>
                <a:sym typeface="Calibri"/>
              </a:defRPr>
            </a:lvl3pPr>
            <a:lvl4pPr marL="1828800" marR="0" lvl="3" indent="-228600" algn="l" rtl="0">
              <a:lnSpc>
                <a:spcPct val="100000"/>
              </a:lnSpc>
              <a:spcBef>
                <a:spcPts val="280"/>
              </a:spcBef>
              <a:spcAft>
                <a:spcPts val="0"/>
              </a:spcAft>
              <a:buClr>
                <a:schemeClr val="dk1"/>
              </a:buClr>
              <a:buSzPts val="1400"/>
              <a:buFont typeface="Arial"/>
              <a:buNone/>
              <a:defRPr sz="1400" b="0" i="0" u="none" strike="noStrike" cap="none">
                <a:solidFill>
                  <a:schemeClr val="dk1"/>
                </a:solidFill>
                <a:latin typeface="Calibri"/>
                <a:ea typeface="Calibri"/>
                <a:cs typeface="Calibri"/>
                <a:sym typeface="Calibri"/>
              </a:defRPr>
            </a:lvl4pPr>
            <a:lvl5pPr marL="2286000" marR="0" lvl="4" indent="-228600" algn="l" rtl="0">
              <a:lnSpc>
                <a:spcPct val="100000"/>
              </a:lnSpc>
              <a:spcBef>
                <a:spcPts val="280"/>
              </a:spcBef>
              <a:spcAft>
                <a:spcPts val="0"/>
              </a:spcAft>
              <a:buClr>
                <a:schemeClr val="dk1"/>
              </a:buClr>
              <a:buSzPts val="1400"/>
              <a:buFont typeface="Arial"/>
              <a:buNone/>
              <a:defRPr sz="1400" b="0" i="0" u="none" strike="noStrike" cap="none">
                <a:solidFill>
                  <a:schemeClr val="dk1"/>
                </a:solidFill>
                <a:latin typeface="Calibri"/>
                <a:ea typeface="Calibri"/>
                <a:cs typeface="Calibri"/>
                <a:sym typeface="Calibri"/>
              </a:defRPr>
            </a:lvl5pPr>
            <a:lvl6pPr marL="2743200" marR="0" lvl="5"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6pPr>
            <a:lvl7pPr marL="3200400" marR="0" lvl="6"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7pPr>
            <a:lvl8pPr marL="3657600" marR="0" lvl="7"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8pPr>
            <a:lvl9pPr marL="4114800" marR="0" lvl="8"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9pPr>
          </a:lstStyle>
          <a:p>
            <a:pPr lvl="0"/>
            <a:r>
              <a:rPr lang="en-US"/>
              <a:t>Edit Master text styles</a:t>
            </a:r>
          </a:p>
        </p:txBody>
      </p:sp>
    </p:spTree>
    <p:extLst>
      <p:ext uri="{BB962C8B-B14F-4D97-AF65-F5344CB8AC3E}">
        <p14:creationId xmlns:p14="http://schemas.microsoft.com/office/powerpoint/2010/main" val="3588207287"/>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matchingName="Two Content 1" type="twoObj" preserve="1">
  <p:cSld name="Two Content 1">
    <p:spTree>
      <p:nvGrpSpPr>
        <p:cNvPr id="1" name="Shape 105"/>
        <p:cNvGrpSpPr/>
        <p:nvPr/>
      </p:nvGrpSpPr>
      <p:grpSpPr>
        <a:xfrm>
          <a:off x="0" y="0"/>
          <a:ext cx="0" cy="0"/>
          <a:chOff x="0" y="0"/>
          <a:chExt cx="0" cy="0"/>
        </a:xfrm>
      </p:grpSpPr>
      <p:sp>
        <p:nvSpPr>
          <p:cNvPr id="106" name="Google Shape;106;p17"/>
          <p:cNvSpPr txBox="1">
            <a:spLocks noGrp="1"/>
          </p:cNvSpPr>
          <p:nvPr>
            <p:ph type="title"/>
          </p:nvPr>
        </p:nvSpPr>
        <p:spPr>
          <a:xfrm>
            <a:off x="457200" y="274637"/>
            <a:ext cx="8229600" cy="1143000"/>
          </a:xfrm>
          <a:prstGeom prst="rect">
            <a:avLst/>
          </a:prstGeom>
          <a:noFill/>
          <a:ln>
            <a:noFill/>
          </a:ln>
        </p:spPr>
        <p:txBody>
          <a:bodyPr spcFirstLastPara="1" wrap="square" lIns="91425" tIns="91425" rIns="91425" bIns="91425" anchor="ctr" anchorCtr="0"/>
          <a:lstStyle>
            <a:lvl1pPr marR="0" lvl="0" algn="ctr" rtl="0">
              <a:lnSpc>
                <a:spcPct val="100000"/>
              </a:lnSpc>
              <a:spcBef>
                <a:spcPts val="0"/>
              </a:spcBef>
              <a:spcAft>
                <a:spcPts val="0"/>
              </a:spcAft>
              <a:buClr>
                <a:schemeClr val="dk1"/>
              </a:buClr>
              <a:buSzPts val="4400"/>
              <a:buFont typeface="Calibri"/>
              <a:buNone/>
              <a:defRPr sz="4400" b="0" i="0" u="none" strike="noStrike" cap="none">
                <a:solidFill>
                  <a:schemeClr val="dk1"/>
                </a:solidFill>
                <a:latin typeface="Calibri"/>
                <a:ea typeface="Calibri"/>
                <a:cs typeface="Calibri"/>
                <a:sym typeface="Calibri"/>
              </a:defRPr>
            </a:lvl1pPr>
            <a:lvl2pPr marR="0" lvl="1"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107" name="Google Shape;107;p17"/>
          <p:cNvSpPr txBox="1">
            <a:spLocks noGrp="1"/>
          </p:cNvSpPr>
          <p:nvPr>
            <p:ph type="body" idx="1"/>
          </p:nvPr>
        </p:nvSpPr>
        <p:spPr>
          <a:xfrm>
            <a:off x="457200" y="1600200"/>
            <a:ext cx="4038600" cy="4526100"/>
          </a:xfrm>
          <a:prstGeom prst="rect">
            <a:avLst/>
          </a:prstGeom>
          <a:noFill/>
          <a:ln>
            <a:noFill/>
          </a:ln>
        </p:spPr>
        <p:txBody>
          <a:bodyPr spcFirstLastPara="1" wrap="square" lIns="91425" tIns="91425" rIns="91425" bIns="91425" anchor="t" anchorCtr="0"/>
          <a:lstStyle>
            <a:lvl1pPr marL="457200" marR="0" lvl="0" indent="-406400" algn="l" rtl="0">
              <a:lnSpc>
                <a:spcPct val="100000"/>
              </a:lnSpc>
              <a:spcBef>
                <a:spcPts val="560"/>
              </a:spcBef>
              <a:spcAft>
                <a:spcPts val="0"/>
              </a:spcAft>
              <a:buClr>
                <a:schemeClr val="dk1"/>
              </a:buClr>
              <a:buSzPts val="2800"/>
              <a:buFont typeface="Arial"/>
              <a:buChar char="•"/>
              <a:defRPr sz="2800" b="0" i="0" u="none" strike="noStrike" cap="none">
                <a:solidFill>
                  <a:schemeClr val="dk1"/>
                </a:solidFill>
                <a:latin typeface="Calibri"/>
                <a:ea typeface="Calibri"/>
                <a:cs typeface="Calibri"/>
                <a:sym typeface="Calibri"/>
              </a:defRPr>
            </a:lvl1pPr>
            <a:lvl2pPr marL="914400" marR="0" lvl="1" indent="-381000" algn="l" rtl="0">
              <a:lnSpc>
                <a:spcPct val="100000"/>
              </a:lnSpc>
              <a:spcBef>
                <a:spcPts val="480"/>
              </a:spcBef>
              <a:spcAft>
                <a:spcPts val="0"/>
              </a:spcAft>
              <a:buClr>
                <a:schemeClr val="dk1"/>
              </a:buClr>
              <a:buSzPts val="2400"/>
              <a:buFont typeface="Arial"/>
              <a:buChar char="–"/>
              <a:defRPr sz="2400" b="0" i="0" u="none" strike="noStrike" cap="none">
                <a:solidFill>
                  <a:schemeClr val="dk1"/>
                </a:solidFill>
                <a:latin typeface="Calibri"/>
                <a:ea typeface="Calibri"/>
                <a:cs typeface="Calibri"/>
                <a:sym typeface="Calibri"/>
              </a:defRPr>
            </a:lvl2pPr>
            <a:lvl3pPr marL="1371600" marR="0" lvl="2"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3pPr>
            <a:lvl4pPr marL="1828800" marR="0" lvl="3"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4pPr>
            <a:lvl5pPr marL="2286000" marR="0" lvl="4"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5pPr>
            <a:lvl6pPr marL="2743200" marR="0" lvl="5"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108" name="Google Shape;108;p17"/>
          <p:cNvSpPr txBox="1">
            <a:spLocks noGrp="1"/>
          </p:cNvSpPr>
          <p:nvPr>
            <p:ph type="body" idx="2"/>
          </p:nvPr>
        </p:nvSpPr>
        <p:spPr>
          <a:xfrm>
            <a:off x="4648200" y="1600200"/>
            <a:ext cx="4038600" cy="4526100"/>
          </a:xfrm>
          <a:prstGeom prst="rect">
            <a:avLst/>
          </a:prstGeom>
          <a:noFill/>
          <a:ln>
            <a:noFill/>
          </a:ln>
        </p:spPr>
        <p:txBody>
          <a:bodyPr spcFirstLastPara="1" wrap="square" lIns="91425" tIns="91425" rIns="91425" bIns="91425" anchor="t" anchorCtr="0"/>
          <a:lstStyle>
            <a:lvl1pPr marL="457200" marR="0" lvl="0" indent="-406400" algn="l" rtl="0">
              <a:lnSpc>
                <a:spcPct val="100000"/>
              </a:lnSpc>
              <a:spcBef>
                <a:spcPts val="560"/>
              </a:spcBef>
              <a:spcAft>
                <a:spcPts val="0"/>
              </a:spcAft>
              <a:buClr>
                <a:schemeClr val="dk1"/>
              </a:buClr>
              <a:buSzPts val="2800"/>
              <a:buFont typeface="Arial"/>
              <a:buChar char="•"/>
              <a:defRPr sz="2800" b="0" i="0" u="none" strike="noStrike" cap="none">
                <a:solidFill>
                  <a:schemeClr val="dk1"/>
                </a:solidFill>
                <a:latin typeface="Calibri"/>
                <a:ea typeface="Calibri"/>
                <a:cs typeface="Calibri"/>
                <a:sym typeface="Calibri"/>
              </a:defRPr>
            </a:lvl1pPr>
            <a:lvl2pPr marL="914400" marR="0" lvl="1" indent="-381000" algn="l" rtl="0">
              <a:lnSpc>
                <a:spcPct val="100000"/>
              </a:lnSpc>
              <a:spcBef>
                <a:spcPts val="480"/>
              </a:spcBef>
              <a:spcAft>
                <a:spcPts val="0"/>
              </a:spcAft>
              <a:buClr>
                <a:schemeClr val="dk1"/>
              </a:buClr>
              <a:buSzPts val="2400"/>
              <a:buFont typeface="Arial"/>
              <a:buChar char="–"/>
              <a:defRPr sz="2400" b="0" i="0" u="none" strike="noStrike" cap="none">
                <a:solidFill>
                  <a:schemeClr val="dk1"/>
                </a:solidFill>
                <a:latin typeface="Calibri"/>
                <a:ea typeface="Calibri"/>
                <a:cs typeface="Calibri"/>
                <a:sym typeface="Calibri"/>
              </a:defRPr>
            </a:lvl2pPr>
            <a:lvl3pPr marL="1371600" marR="0" lvl="2"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3pPr>
            <a:lvl4pPr marL="1828800" marR="0" lvl="3"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4pPr>
            <a:lvl5pPr marL="2286000" marR="0" lvl="4"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5pPr>
            <a:lvl6pPr marL="2743200" marR="0" lvl="5"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109" name="Google Shape;109;p17"/>
          <p:cNvSpPr txBox="1">
            <a:spLocks noGrp="1"/>
          </p:cNvSpPr>
          <p:nvPr>
            <p:ph type="dt" idx="10"/>
          </p:nvPr>
        </p:nvSpPr>
        <p:spPr>
          <a:xfrm>
            <a:off x="457200" y="6356350"/>
            <a:ext cx="2133600" cy="365100"/>
          </a:xfrm>
          <a:prstGeom prst="rect">
            <a:avLst/>
          </a:prstGeom>
          <a:noFill/>
          <a:ln>
            <a:noFill/>
          </a:ln>
        </p:spPr>
        <p:txBody>
          <a:bodyPr spcFirstLastPara="1" wrap="square" lIns="91425" tIns="91425" rIns="91425" bIns="91425" anchor="ctr" anchorCtr="0"/>
          <a:lstStyle>
            <a:lvl1pPr marR="0" lvl="0" algn="l" rtl="0">
              <a:lnSpc>
                <a:spcPct val="100000"/>
              </a:lnSpc>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endParaRPr/>
          </a:p>
        </p:txBody>
      </p:sp>
      <p:sp>
        <p:nvSpPr>
          <p:cNvPr id="110" name="Google Shape;110;p17"/>
          <p:cNvSpPr txBox="1">
            <a:spLocks noGrp="1"/>
          </p:cNvSpPr>
          <p:nvPr>
            <p:ph type="ftr" idx="11"/>
          </p:nvPr>
        </p:nvSpPr>
        <p:spPr>
          <a:xfrm>
            <a:off x="3124200" y="6356350"/>
            <a:ext cx="2895600" cy="365100"/>
          </a:xfrm>
          <a:prstGeom prst="rect">
            <a:avLst/>
          </a:prstGeom>
          <a:noFill/>
          <a:ln>
            <a:noFill/>
          </a:ln>
        </p:spPr>
        <p:txBody>
          <a:bodyPr spcFirstLastPara="1" wrap="square" lIns="91425" tIns="91425" rIns="91425" bIns="91425" anchor="ctr" anchorCtr="0"/>
          <a:lstStyle>
            <a:lvl1pPr marR="0" lvl="0" algn="ctr" rtl="0">
              <a:lnSpc>
                <a:spcPct val="100000"/>
              </a:lnSpc>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endParaRPr/>
          </a:p>
        </p:txBody>
      </p:sp>
    </p:spTree>
    <p:extLst>
      <p:ext uri="{BB962C8B-B14F-4D97-AF65-F5344CB8AC3E}">
        <p14:creationId xmlns:p14="http://schemas.microsoft.com/office/powerpoint/2010/main" val="257854738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cSld name="Blank">
    <p:spTree>
      <p:nvGrpSpPr>
        <p:cNvPr id="1" name="Shape 73"/>
        <p:cNvGrpSpPr/>
        <p:nvPr/>
      </p:nvGrpSpPr>
      <p:grpSpPr>
        <a:xfrm>
          <a:off x="0" y="0"/>
          <a:ext cx="0" cy="0"/>
          <a:chOff x="0" y="0"/>
          <a:chExt cx="0" cy="0"/>
        </a:xfrm>
      </p:grpSpPr>
      <p:sp>
        <p:nvSpPr>
          <p:cNvPr id="74" name="Shape 74"/>
          <p:cNvSpPr txBox="1">
            <a:spLocks noGrp="1"/>
          </p:cNvSpPr>
          <p:nvPr>
            <p:ph type="ftr" idx="11"/>
          </p:nvPr>
        </p:nvSpPr>
        <p:spPr>
          <a:xfrm>
            <a:off x="3108981" y="6377949"/>
            <a:ext cx="2926079" cy="276999"/>
          </a:xfrm>
          <a:prstGeom prst="rect">
            <a:avLst/>
          </a:prstGeom>
          <a:noFill/>
          <a:ln>
            <a:noFill/>
          </a:ln>
        </p:spPr>
        <p:txBody>
          <a:bodyPr wrap="square" lIns="91416" tIns="91416" rIns="91416" bIns="91416" anchor="t" anchorCtr="0"/>
          <a:lstStyle>
            <a:lvl1pPr marL="0" marR="0" lvl="0" indent="0" algn="ctr" rtl="0">
              <a:lnSpc>
                <a:spcPct val="100000"/>
              </a:lnSpc>
              <a:spcBef>
                <a:spcPts val="0"/>
              </a:spcBef>
              <a:spcAft>
                <a:spcPts val="0"/>
              </a:spcAft>
              <a:buClr>
                <a:srgbClr val="888888"/>
              </a:buClr>
              <a:buSzPct val="100000"/>
              <a:buFont typeface="Calibri"/>
              <a:buNone/>
              <a:defRPr sz="1900" b="0" i="0" u="none" strike="noStrike" cap="none">
                <a:solidFill>
                  <a:srgbClr val="888888"/>
                </a:solidFill>
                <a:latin typeface="Calibri"/>
                <a:ea typeface="Calibri"/>
                <a:cs typeface="Calibri"/>
                <a:sym typeface="Calibri"/>
              </a:defRPr>
            </a:lvl1pPr>
            <a:lvl2pPr marL="456515" marR="0" lvl="1" indent="-1206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2pPr>
            <a:lvl3pPr marL="913027" marR="0" lvl="2" indent="-11417"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3pPr>
            <a:lvl4pPr marL="1369540" marR="0" lvl="3" indent="-10776"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4pPr>
            <a:lvl5pPr marL="1826053" marR="0" lvl="4" indent="-10134"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5pPr>
            <a:lvl6pPr marL="2282570" marR="0" lvl="5" indent="-9494"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6pPr>
            <a:lvl7pPr marL="2739080" marR="0" lvl="6" indent="-885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7pPr>
            <a:lvl8pPr marL="3195593" marR="0" lvl="7" indent="-8213"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8pPr>
            <a:lvl9pPr marL="3652103" marR="0" lvl="8" indent="-757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9pPr>
          </a:lstStyle>
          <a:p>
            <a:pPr marL="0" marR="0" lvl="0" indent="0" algn="ctr" defTabSz="914400" rtl="0" eaLnBrk="1" fontAlgn="auto" latinLnBrk="0" hangingPunct="1">
              <a:lnSpc>
                <a:spcPct val="100000"/>
              </a:lnSpc>
              <a:spcBef>
                <a:spcPts val="0"/>
              </a:spcBef>
              <a:spcAft>
                <a:spcPts val="0"/>
              </a:spcAft>
              <a:buClr>
                <a:srgbClr val="888888"/>
              </a:buClr>
              <a:buSzPct val="100000"/>
              <a:buFont typeface="Calibri"/>
              <a:buNone/>
              <a:tabLst/>
              <a:defRPr/>
            </a:pPr>
            <a:endParaRPr kumimoji="0" sz="1900" b="0" i="0" u="none" strike="noStrike" kern="0" cap="none" spc="0" normalizeH="0" baseline="0" noProof="0">
              <a:ln>
                <a:noFill/>
              </a:ln>
              <a:solidFill>
                <a:srgbClr val="888888"/>
              </a:solidFill>
              <a:effectLst/>
              <a:uLnTx/>
              <a:uFillTx/>
              <a:latin typeface="Calibri"/>
              <a:cs typeface="Calibri"/>
              <a:sym typeface="Calibri"/>
            </a:endParaRPr>
          </a:p>
        </p:txBody>
      </p:sp>
      <p:sp>
        <p:nvSpPr>
          <p:cNvPr id="75" name="Shape 75"/>
          <p:cNvSpPr txBox="1">
            <a:spLocks noGrp="1"/>
          </p:cNvSpPr>
          <p:nvPr>
            <p:ph type="dt" idx="10"/>
          </p:nvPr>
        </p:nvSpPr>
        <p:spPr>
          <a:xfrm>
            <a:off x="457200" y="6377949"/>
            <a:ext cx="2103120" cy="276999"/>
          </a:xfrm>
          <a:prstGeom prst="rect">
            <a:avLst/>
          </a:prstGeom>
          <a:noFill/>
          <a:ln>
            <a:noFill/>
          </a:ln>
        </p:spPr>
        <p:txBody>
          <a:bodyPr wrap="square" lIns="91416" tIns="91416" rIns="91416" bIns="91416" anchor="t" anchorCtr="0"/>
          <a:lstStyle>
            <a:lvl1pPr marL="0" marR="0" lvl="0" indent="0" algn="l" rtl="0">
              <a:lnSpc>
                <a:spcPct val="100000"/>
              </a:lnSpc>
              <a:spcBef>
                <a:spcPts val="0"/>
              </a:spcBef>
              <a:spcAft>
                <a:spcPts val="0"/>
              </a:spcAft>
              <a:buClr>
                <a:srgbClr val="888888"/>
              </a:buClr>
              <a:buSzPct val="100000"/>
              <a:buFont typeface="Calibri"/>
              <a:buNone/>
              <a:defRPr sz="1900" b="0" i="0" u="none" strike="noStrike" cap="none">
                <a:solidFill>
                  <a:srgbClr val="888888"/>
                </a:solidFill>
                <a:latin typeface="Calibri"/>
                <a:ea typeface="Calibri"/>
                <a:cs typeface="Calibri"/>
                <a:sym typeface="Calibri"/>
              </a:defRPr>
            </a:lvl1pPr>
            <a:lvl2pPr marL="456515" marR="0" lvl="1" indent="-1206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2pPr>
            <a:lvl3pPr marL="913027" marR="0" lvl="2" indent="-11417"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3pPr>
            <a:lvl4pPr marL="1369540" marR="0" lvl="3" indent="-10776"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4pPr>
            <a:lvl5pPr marL="1826053" marR="0" lvl="4" indent="-10134"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5pPr>
            <a:lvl6pPr marL="2282570" marR="0" lvl="5" indent="-9494"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6pPr>
            <a:lvl7pPr marL="2739080" marR="0" lvl="6" indent="-885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7pPr>
            <a:lvl8pPr marL="3195593" marR="0" lvl="7" indent="-8213"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8pPr>
            <a:lvl9pPr marL="3652103" marR="0" lvl="8" indent="-757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9pPr>
          </a:lstStyle>
          <a:p>
            <a:pPr marL="0" marR="0" lvl="0" indent="0" algn="l" defTabSz="914400" rtl="0" eaLnBrk="1" fontAlgn="auto" latinLnBrk="0" hangingPunct="1">
              <a:lnSpc>
                <a:spcPct val="100000"/>
              </a:lnSpc>
              <a:spcBef>
                <a:spcPts val="0"/>
              </a:spcBef>
              <a:spcAft>
                <a:spcPts val="0"/>
              </a:spcAft>
              <a:buClr>
                <a:srgbClr val="888888"/>
              </a:buClr>
              <a:buSzPct val="100000"/>
              <a:buFont typeface="Calibri"/>
              <a:buNone/>
              <a:tabLst/>
              <a:defRPr/>
            </a:pPr>
            <a:endParaRPr kumimoji="0" sz="1900" b="0" i="0" u="none" strike="noStrike" kern="0" cap="none" spc="0" normalizeH="0" baseline="0" noProof="0">
              <a:ln>
                <a:noFill/>
              </a:ln>
              <a:solidFill>
                <a:srgbClr val="888888"/>
              </a:solidFill>
              <a:effectLst/>
              <a:uLnTx/>
              <a:uFillTx/>
              <a:latin typeface="Calibri"/>
              <a:cs typeface="Calibri"/>
              <a:sym typeface="Calibri"/>
            </a:endParaRPr>
          </a:p>
        </p:txBody>
      </p:sp>
      <p:sp>
        <p:nvSpPr>
          <p:cNvPr id="76" name="Shape 76"/>
          <p:cNvSpPr txBox="1">
            <a:spLocks noGrp="1"/>
          </p:cNvSpPr>
          <p:nvPr>
            <p:ph type="sldNum" idx="12"/>
          </p:nvPr>
        </p:nvSpPr>
        <p:spPr>
          <a:xfrm>
            <a:off x="6583680" y="6377949"/>
            <a:ext cx="2103120" cy="276999"/>
          </a:xfrm>
          <a:prstGeom prst="rect">
            <a:avLst/>
          </a:prstGeom>
          <a:noFill/>
          <a:ln>
            <a:noFill/>
          </a:ln>
        </p:spPr>
        <p:txBody>
          <a:bodyPr wrap="square" lIns="0" tIns="0" rIns="0" bIns="0" anchor="t" anchorCtr="0">
            <a:noAutofit/>
          </a:bodyPr>
          <a:lstStyle/>
          <a:p>
            <a:pPr marL="0" marR="0" lvl="0" indent="-28574" algn="r" defTabSz="914400" rtl="0" eaLnBrk="1" fontAlgn="auto" latinLnBrk="0" hangingPunct="1">
              <a:lnSpc>
                <a:spcPct val="100000"/>
              </a:lnSpc>
              <a:spcBef>
                <a:spcPts val="0"/>
              </a:spcBef>
              <a:spcAft>
                <a:spcPts val="0"/>
              </a:spcAft>
              <a:buClr>
                <a:srgbClr val="888888"/>
              </a:buClr>
              <a:buSzPct val="25000"/>
              <a:buFontTx/>
              <a:buNone/>
              <a:tabLst/>
              <a:defRPr/>
            </a:pPr>
            <a:fld id="{00000000-1234-1234-1234-123412341234}" type="slidenum">
              <a:rPr kumimoji="0" lang="en-US" sz="1900" b="0" i="0" u="none" strike="noStrike" kern="0" cap="none" spc="0" normalizeH="0" baseline="0" noProof="0" smtClean="0">
                <a:ln>
                  <a:noFill/>
                </a:ln>
                <a:solidFill>
                  <a:srgbClr val="888888"/>
                </a:solidFill>
                <a:effectLst/>
                <a:uLnTx/>
                <a:uFillTx/>
                <a:latin typeface="Calibri"/>
                <a:ea typeface="Calibri"/>
                <a:cs typeface="Calibri"/>
                <a:sym typeface="Calibri"/>
              </a:rPr>
              <a:pPr marL="0" marR="0" lvl="0" indent="-28574" algn="r" defTabSz="914400" rtl="0" eaLnBrk="1" fontAlgn="auto" latinLnBrk="0" hangingPunct="1">
                <a:lnSpc>
                  <a:spcPct val="100000"/>
                </a:lnSpc>
                <a:spcBef>
                  <a:spcPts val="0"/>
                </a:spcBef>
                <a:spcAft>
                  <a:spcPts val="0"/>
                </a:spcAft>
                <a:buClr>
                  <a:srgbClr val="888888"/>
                </a:buClr>
                <a:buSzPct val="25000"/>
                <a:buFontTx/>
                <a:buNone/>
                <a:tabLst/>
                <a:defRPr/>
              </a:pPr>
              <a:t>‹#›</a:t>
            </a:fld>
            <a:endParaRPr kumimoji="0" lang="en-US" sz="1900" b="0" i="0" u="none" strike="noStrike" kern="0" cap="none" spc="0" normalizeH="0" baseline="0" noProof="0">
              <a:ln>
                <a:noFill/>
              </a:ln>
              <a:solidFill>
                <a:srgbClr val="888888"/>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2525833144"/>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matchingName="Title and Content 1" preserve="1">
  <p:cSld name="Title and Content 1">
    <p:spTree>
      <p:nvGrpSpPr>
        <p:cNvPr id="1" name="Shape 111"/>
        <p:cNvGrpSpPr/>
        <p:nvPr/>
      </p:nvGrpSpPr>
      <p:grpSpPr>
        <a:xfrm>
          <a:off x="0" y="0"/>
          <a:ext cx="0" cy="0"/>
          <a:chOff x="0" y="0"/>
          <a:chExt cx="0" cy="0"/>
        </a:xfrm>
      </p:grpSpPr>
      <p:sp>
        <p:nvSpPr>
          <p:cNvPr id="112" name="Google Shape;112;p18"/>
          <p:cNvSpPr txBox="1">
            <a:spLocks noGrp="1"/>
          </p:cNvSpPr>
          <p:nvPr>
            <p:ph type="title"/>
          </p:nvPr>
        </p:nvSpPr>
        <p:spPr>
          <a:xfrm>
            <a:off x="457200" y="274637"/>
            <a:ext cx="8229600" cy="1143000"/>
          </a:xfrm>
          <a:prstGeom prst="rect">
            <a:avLst/>
          </a:prstGeom>
          <a:noFill/>
          <a:ln>
            <a:noFill/>
          </a:ln>
        </p:spPr>
        <p:txBody>
          <a:bodyPr spcFirstLastPara="1" wrap="square" lIns="91425" tIns="91425" rIns="91425" bIns="91425" anchor="ctr" anchorCtr="0"/>
          <a:lstStyle>
            <a:lvl1pPr marR="0" lvl="0" algn="ctr" rtl="0">
              <a:lnSpc>
                <a:spcPct val="100000"/>
              </a:lnSpc>
              <a:spcBef>
                <a:spcPts val="0"/>
              </a:spcBef>
              <a:spcAft>
                <a:spcPts val="0"/>
              </a:spcAft>
              <a:buClr>
                <a:schemeClr val="dk1"/>
              </a:buClr>
              <a:buSzPts val="4400"/>
              <a:buFont typeface="Calibri"/>
              <a:buNone/>
              <a:defRPr sz="4400" b="0" i="0" u="none" strike="noStrike" cap="none">
                <a:solidFill>
                  <a:schemeClr val="dk1"/>
                </a:solidFill>
                <a:latin typeface="Calibri"/>
                <a:ea typeface="Calibri"/>
                <a:cs typeface="Calibri"/>
                <a:sym typeface="Calibri"/>
              </a:defRPr>
            </a:lvl1pPr>
            <a:lvl2pPr marR="0" lvl="1"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113" name="Google Shape;113;p18"/>
          <p:cNvSpPr txBox="1">
            <a:spLocks noGrp="1"/>
          </p:cNvSpPr>
          <p:nvPr>
            <p:ph type="body" idx="1"/>
          </p:nvPr>
        </p:nvSpPr>
        <p:spPr>
          <a:xfrm>
            <a:off x="457200" y="1600200"/>
            <a:ext cx="8229600" cy="4526100"/>
          </a:xfrm>
          <a:prstGeom prst="rect">
            <a:avLst/>
          </a:prstGeom>
          <a:noFill/>
          <a:ln>
            <a:noFill/>
          </a:ln>
        </p:spPr>
        <p:txBody>
          <a:bodyPr spcFirstLastPara="1" wrap="square" lIns="91425" tIns="91425" rIns="91425" bIns="91425" anchor="t" anchorCtr="0"/>
          <a:lstStyle>
            <a:lvl1pPr marL="457200" marR="0" lvl="0" indent="-431800" algn="l" rtl="0">
              <a:lnSpc>
                <a:spcPct val="100000"/>
              </a:lnSpc>
              <a:spcBef>
                <a:spcPts val="640"/>
              </a:spcBef>
              <a:spcAft>
                <a:spcPts val="0"/>
              </a:spcAft>
              <a:buClr>
                <a:schemeClr val="dk1"/>
              </a:buClr>
              <a:buSzPts val="3200"/>
              <a:buFont typeface="Arial"/>
              <a:buChar char="•"/>
              <a:defRPr sz="3200" b="0" i="0" u="none" strike="noStrike" cap="none">
                <a:solidFill>
                  <a:schemeClr val="dk1"/>
                </a:solidFill>
                <a:latin typeface="Calibri"/>
                <a:ea typeface="Calibri"/>
                <a:cs typeface="Calibri"/>
                <a:sym typeface="Calibri"/>
              </a:defRPr>
            </a:lvl1pPr>
            <a:lvl2pPr marL="914400" marR="0" lvl="1" indent="-406400" algn="l" rtl="0">
              <a:lnSpc>
                <a:spcPct val="100000"/>
              </a:lnSpc>
              <a:spcBef>
                <a:spcPts val="560"/>
              </a:spcBef>
              <a:spcAft>
                <a:spcPts val="0"/>
              </a:spcAft>
              <a:buClr>
                <a:schemeClr val="dk1"/>
              </a:buClr>
              <a:buSzPts val="2800"/>
              <a:buFont typeface="Arial"/>
              <a:buChar char="–"/>
              <a:defRPr sz="2800" b="0" i="0" u="none" strike="noStrike" cap="none">
                <a:solidFill>
                  <a:schemeClr val="dk1"/>
                </a:solidFill>
                <a:latin typeface="Calibri"/>
                <a:ea typeface="Calibri"/>
                <a:cs typeface="Calibri"/>
                <a:sym typeface="Calibri"/>
              </a:defRPr>
            </a:lvl2pPr>
            <a:lvl3pPr marL="1371600" marR="0" lvl="2" indent="-381000" algn="l" rtl="0">
              <a:lnSpc>
                <a:spcPct val="100000"/>
              </a:lnSpc>
              <a:spcBef>
                <a:spcPts val="480"/>
              </a:spcBef>
              <a:spcAft>
                <a:spcPts val="0"/>
              </a:spcAft>
              <a:buClr>
                <a:schemeClr val="dk1"/>
              </a:buClr>
              <a:buSzPts val="2400"/>
              <a:buFont typeface="Arial"/>
              <a:buChar char="•"/>
              <a:defRPr sz="2400" b="0" i="0" u="none" strike="noStrike" cap="none">
                <a:solidFill>
                  <a:schemeClr val="dk1"/>
                </a:solidFill>
                <a:latin typeface="Calibri"/>
                <a:ea typeface="Calibri"/>
                <a:cs typeface="Calibri"/>
                <a:sym typeface="Calibri"/>
              </a:defRPr>
            </a:lvl3pPr>
            <a:lvl4pPr marL="1828800" marR="0" lvl="3"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4pPr>
            <a:lvl5pPr marL="2286000" marR="0" lvl="4"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5pPr>
            <a:lvl6pPr marL="2743200" marR="0" lvl="5"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6pPr>
            <a:lvl7pPr marL="3200400" marR="0" lvl="6"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7pPr>
            <a:lvl8pPr marL="3657600" marR="0" lvl="7"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8pPr>
            <a:lvl9pPr marL="4114800" marR="0" lvl="8"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114" name="Google Shape;114;p18"/>
          <p:cNvSpPr txBox="1">
            <a:spLocks noGrp="1"/>
          </p:cNvSpPr>
          <p:nvPr>
            <p:ph type="dt" idx="10"/>
          </p:nvPr>
        </p:nvSpPr>
        <p:spPr>
          <a:xfrm>
            <a:off x="457200" y="6356350"/>
            <a:ext cx="2133600" cy="365100"/>
          </a:xfrm>
          <a:prstGeom prst="rect">
            <a:avLst/>
          </a:prstGeom>
          <a:noFill/>
          <a:ln>
            <a:noFill/>
          </a:ln>
        </p:spPr>
        <p:txBody>
          <a:bodyPr spcFirstLastPara="1" wrap="square" lIns="91425" tIns="91425" rIns="91425" bIns="91425" anchor="ctr" anchorCtr="0"/>
          <a:lstStyle>
            <a:lvl1pPr marR="0" lvl="0" algn="l" rtl="0">
              <a:lnSpc>
                <a:spcPct val="100000"/>
              </a:lnSpc>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endParaRPr/>
          </a:p>
        </p:txBody>
      </p:sp>
      <p:sp>
        <p:nvSpPr>
          <p:cNvPr id="115" name="Google Shape;115;p18"/>
          <p:cNvSpPr txBox="1">
            <a:spLocks noGrp="1"/>
          </p:cNvSpPr>
          <p:nvPr>
            <p:ph type="ftr" idx="11"/>
          </p:nvPr>
        </p:nvSpPr>
        <p:spPr>
          <a:xfrm>
            <a:off x="3124200" y="6356350"/>
            <a:ext cx="2895600" cy="365100"/>
          </a:xfrm>
          <a:prstGeom prst="rect">
            <a:avLst/>
          </a:prstGeom>
          <a:noFill/>
          <a:ln>
            <a:noFill/>
          </a:ln>
        </p:spPr>
        <p:txBody>
          <a:bodyPr spcFirstLastPara="1" wrap="square" lIns="91425" tIns="91425" rIns="91425" bIns="91425" anchor="ctr" anchorCtr="0"/>
          <a:lstStyle>
            <a:lvl1pPr marR="0" lvl="0" algn="ctr" rtl="0">
              <a:lnSpc>
                <a:spcPct val="100000"/>
              </a:lnSpc>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endParaRPr/>
          </a:p>
        </p:txBody>
      </p:sp>
    </p:spTree>
    <p:extLst>
      <p:ext uri="{BB962C8B-B14F-4D97-AF65-F5344CB8AC3E}">
        <p14:creationId xmlns:p14="http://schemas.microsoft.com/office/powerpoint/2010/main" val="140301156"/>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matchingName="Comparison" type="twoTxTwoObj" preserve="1">
  <p:cSld name="Comparison">
    <p:spTree>
      <p:nvGrpSpPr>
        <p:cNvPr id="1" name="Shape 116"/>
        <p:cNvGrpSpPr/>
        <p:nvPr/>
      </p:nvGrpSpPr>
      <p:grpSpPr>
        <a:xfrm>
          <a:off x="0" y="0"/>
          <a:ext cx="0" cy="0"/>
          <a:chOff x="0" y="0"/>
          <a:chExt cx="0" cy="0"/>
        </a:xfrm>
      </p:grpSpPr>
      <p:sp>
        <p:nvSpPr>
          <p:cNvPr id="117" name="Google Shape;117;p19"/>
          <p:cNvSpPr txBox="1">
            <a:spLocks noGrp="1"/>
          </p:cNvSpPr>
          <p:nvPr>
            <p:ph type="title"/>
          </p:nvPr>
        </p:nvSpPr>
        <p:spPr>
          <a:xfrm>
            <a:off x="457200" y="274637"/>
            <a:ext cx="8229600" cy="1143000"/>
          </a:xfrm>
          <a:prstGeom prst="rect">
            <a:avLst/>
          </a:prstGeom>
          <a:noFill/>
          <a:ln>
            <a:noFill/>
          </a:ln>
        </p:spPr>
        <p:txBody>
          <a:bodyPr spcFirstLastPara="1" wrap="square" lIns="91425" tIns="91425" rIns="91425" bIns="91425" anchor="ctr" anchorCtr="0"/>
          <a:lstStyle>
            <a:lvl1pPr marR="0" lvl="0" algn="ctr" rtl="0">
              <a:lnSpc>
                <a:spcPct val="100000"/>
              </a:lnSpc>
              <a:spcBef>
                <a:spcPts val="0"/>
              </a:spcBef>
              <a:spcAft>
                <a:spcPts val="0"/>
              </a:spcAft>
              <a:buClr>
                <a:schemeClr val="dk1"/>
              </a:buClr>
              <a:buSzPts val="4400"/>
              <a:buFont typeface="Calibri"/>
              <a:buNone/>
              <a:defRPr sz="4400" b="0" i="0" u="none" strike="noStrike" cap="none">
                <a:solidFill>
                  <a:schemeClr val="dk1"/>
                </a:solidFill>
                <a:latin typeface="Calibri"/>
                <a:ea typeface="Calibri"/>
                <a:cs typeface="Calibri"/>
                <a:sym typeface="Calibri"/>
              </a:defRPr>
            </a:lvl1pPr>
            <a:lvl2pPr marR="0" lvl="1"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800"/>
              <a:buFont typeface="Arial"/>
              <a:buNone/>
              <a:defRPr sz="18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118" name="Google Shape;118;p19"/>
          <p:cNvSpPr txBox="1">
            <a:spLocks noGrp="1"/>
          </p:cNvSpPr>
          <p:nvPr>
            <p:ph type="body" idx="1"/>
          </p:nvPr>
        </p:nvSpPr>
        <p:spPr>
          <a:xfrm>
            <a:off x="457200" y="1535112"/>
            <a:ext cx="4040100" cy="639900"/>
          </a:xfrm>
          <a:prstGeom prst="rect">
            <a:avLst/>
          </a:prstGeom>
          <a:noFill/>
          <a:ln>
            <a:noFill/>
          </a:ln>
        </p:spPr>
        <p:txBody>
          <a:bodyPr spcFirstLastPara="1" wrap="square" lIns="91425" tIns="91425" rIns="91425" bIns="91425" anchor="b" anchorCtr="0"/>
          <a:lstStyle>
            <a:lvl1pPr marL="457200" marR="0" lvl="0" indent="-228600" algn="l" rtl="0">
              <a:lnSpc>
                <a:spcPct val="100000"/>
              </a:lnSpc>
              <a:spcBef>
                <a:spcPts val="480"/>
              </a:spcBef>
              <a:spcAft>
                <a:spcPts val="0"/>
              </a:spcAft>
              <a:buClr>
                <a:schemeClr val="dk1"/>
              </a:buClr>
              <a:buSzPts val="2400"/>
              <a:buFont typeface="Arial"/>
              <a:buNone/>
              <a:defRPr sz="2400" b="1" i="0" u="none" strike="noStrike" cap="none">
                <a:solidFill>
                  <a:schemeClr val="dk1"/>
                </a:solidFill>
                <a:latin typeface="Calibri"/>
                <a:ea typeface="Calibri"/>
                <a:cs typeface="Calibri"/>
                <a:sym typeface="Calibri"/>
              </a:defRPr>
            </a:lvl1pPr>
            <a:lvl2pPr marL="914400" marR="0" lvl="1" indent="-228600" algn="l" rtl="0">
              <a:lnSpc>
                <a:spcPct val="100000"/>
              </a:lnSpc>
              <a:spcBef>
                <a:spcPts val="400"/>
              </a:spcBef>
              <a:spcAft>
                <a:spcPts val="0"/>
              </a:spcAft>
              <a:buClr>
                <a:schemeClr val="dk1"/>
              </a:buClr>
              <a:buSzPts val="2000"/>
              <a:buFont typeface="Arial"/>
              <a:buNone/>
              <a:defRPr sz="2000" b="1" i="0" u="none" strike="noStrike" cap="none">
                <a:solidFill>
                  <a:schemeClr val="dk1"/>
                </a:solidFill>
                <a:latin typeface="Calibri"/>
                <a:ea typeface="Calibri"/>
                <a:cs typeface="Calibri"/>
                <a:sym typeface="Calibri"/>
              </a:defRPr>
            </a:lvl2pPr>
            <a:lvl3pPr marL="1371600" marR="0" lvl="2" indent="-228600" algn="l" rtl="0">
              <a:lnSpc>
                <a:spcPct val="100000"/>
              </a:lnSpc>
              <a:spcBef>
                <a:spcPts val="360"/>
              </a:spcBef>
              <a:spcAft>
                <a:spcPts val="0"/>
              </a:spcAft>
              <a:buClr>
                <a:schemeClr val="dk1"/>
              </a:buClr>
              <a:buSzPts val="1800"/>
              <a:buFont typeface="Arial"/>
              <a:buNone/>
              <a:defRPr sz="1800" b="1" i="0" u="none" strike="noStrike" cap="none">
                <a:solidFill>
                  <a:schemeClr val="dk1"/>
                </a:solidFill>
                <a:latin typeface="Calibri"/>
                <a:ea typeface="Calibri"/>
                <a:cs typeface="Calibri"/>
                <a:sym typeface="Calibri"/>
              </a:defRPr>
            </a:lvl3pPr>
            <a:lvl4pPr marL="1828800" marR="0" lvl="3"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4pPr>
            <a:lvl5pPr marL="2286000" marR="0" lvl="4"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5pPr>
            <a:lvl6pPr marL="2743200" marR="0" lvl="5"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6pPr>
            <a:lvl7pPr marL="3200400" marR="0" lvl="6"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7pPr>
            <a:lvl8pPr marL="3657600" marR="0" lvl="7"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8pPr>
            <a:lvl9pPr marL="4114800" marR="0" lvl="8"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119" name="Google Shape;119;p19"/>
          <p:cNvSpPr txBox="1">
            <a:spLocks noGrp="1"/>
          </p:cNvSpPr>
          <p:nvPr>
            <p:ph type="body" idx="2"/>
          </p:nvPr>
        </p:nvSpPr>
        <p:spPr>
          <a:xfrm>
            <a:off x="457200" y="2174875"/>
            <a:ext cx="4040100" cy="3951300"/>
          </a:xfrm>
          <a:prstGeom prst="rect">
            <a:avLst/>
          </a:prstGeom>
          <a:noFill/>
          <a:ln>
            <a:noFill/>
          </a:ln>
        </p:spPr>
        <p:txBody>
          <a:bodyPr spcFirstLastPara="1" wrap="square" lIns="91425" tIns="91425" rIns="91425" bIns="91425" anchor="t" anchorCtr="0"/>
          <a:lstStyle>
            <a:lvl1pPr marL="457200" marR="0" lvl="0" indent="-381000" algn="l" rtl="0">
              <a:lnSpc>
                <a:spcPct val="100000"/>
              </a:lnSpc>
              <a:spcBef>
                <a:spcPts val="480"/>
              </a:spcBef>
              <a:spcAft>
                <a:spcPts val="0"/>
              </a:spcAft>
              <a:buClr>
                <a:schemeClr val="dk1"/>
              </a:buClr>
              <a:buSzPts val="2400"/>
              <a:buFont typeface="Arial"/>
              <a:buChar char="•"/>
              <a:defRPr sz="2400" b="0" i="0" u="none" strike="noStrike" cap="none">
                <a:solidFill>
                  <a:schemeClr val="dk1"/>
                </a:solidFill>
                <a:latin typeface="Calibri"/>
                <a:ea typeface="Calibri"/>
                <a:cs typeface="Calibri"/>
                <a:sym typeface="Calibri"/>
              </a:defRPr>
            </a:lvl1pPr>
            <a:lvl2pPr marL="914400" marR="0" lvl="1"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2pPr>
            <a:lvl3pPr marL="1371600" marR="0" lvl="2"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3pPr>
            <a:lvl4pPr marL="1828800" marR="0" lvl="3"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4pPr>
            <a:lvl5pPr marL="2286000" marR="0" lvl="4"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5pPr>
            <a:lvl6pPr marL="2743200" marR="0" lvl="5"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6pPr>
            <a:lvl7pPr marL="3200400" marR="0" lvl="6"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7pPr>
            <a:lvl8pPr marL="3657600" marR="0" lvl="7"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8pPr>
            <a:lvl9pPr marL="4114800" marR="0" lvl="8"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120" name="Google Shape;120;p19"/>
          <p:cNvSpPr txBox="1">
            <a:spLocks noGrp="1"/>
          </p:cNvSpPr>
          <p:nvPr>
            <p:ph type="body" idx="3"/>
          </p:nvPr>
        </p:nvSpPr>
        <p:spPr>
          <a:xfrm>
            <a:off x="4645025" y="1535112"/>
            <a:ext cx="4041900" cy="639900"/>
          </a:xfrm>
          <a:prstGeom prst="rect">
            <a:avLst/>
          </a:prstGeom>
          <a:noFill/>
          <a:ln>
            <a:noFill/>
          </a:ln>
        </p:spPr>
        <p:txBody>
          <a:bodyPr spcFirstLastPara="1" wrap="square" lIns="91425" tIns="91425" rIns="91425" bIns="91425" anchor="b" anchorCtr="0"/>
          <a:lstStyle>
            <a:lvl1pPr marL="457200" marR="0" lvl="0" indent="-228600" algn="l" rtl="0">
              <a:lnSpc>
                <a:spcPct val="100000"/>
              </a:lnSpc>
              <a:spcBef>
                <a:spcPts val="480"/>
              </a:spcBef>
              <a:spcAft>
                <a:spcPts val="0"/>
              </a:spcAft>
              <a:buClr>
                <a:schemeClr val="dk1"/>
              </a:buClr>
              <a:buSzPts val="2400"/>
              <a:buFont typeface="Arial"/>
              <a:buNone/>
              <a:defRPr sz="2400" b="1" i="0" u="none" strike="noStrike" cap="none">
                <a:solidFill>
                  <a:schemeClr val="dk1"/>
                </a:solidFill>
                <a:latin typeface="Calibri"/>
                <a:ea typeface="Calibri"/>
                <a:cs typeface="Calibri"/>
                <a:sym typeface="Calibri"/>
              </a:defRPr>
            </a:lvl1pPr>
            <a:lvl2pPr marL="914400" marR="0" lvl="1" indent="-228600" algn="l" rtl="0">
              <a:lnSpc>
                <a:spcPct val="100000"/>
              </a:lnSpc>
              <a:spcBef>
                <a:spcPts val="400"/>
              </a:spcBef>
              <a:spcAft>
                <a:spcPts val="0"/>
              </a:spcAft>
              <a:buClr>
                <a:schemeClr val="dk1"/>
              </a:buClr>
              <a:buSzPts val="2000"/>
              <a:buFont typeface="Arial"/>
              <a:buNone/>
              <a:defRPr sz="2000" b="1" i="0" u="none" strike="noStrike" cap="none">
                <a:solidFill>
                  <a:schemeClr val="dk1"/>
                </a:solidFill>
                <a:latin typeface="Calibri"/>
                <a:ea typeface="Calibri"/>
                <a:cs typeface="Calibri"/>
                <a:sym typeface="Calibri"/>
              </a:defRPr>
            </a:lvl2pPr>
            <a:lvl3pPr marL="1371600" marR="0" lvl="2" indent="-228600" algn="l" rtl="0">
              <a:lnSpc>
                <a:spcPct val="100000"/>
              </a:lnSpc>
              <a:spcBef>
                <a:spcPts val="360"/>
              </a:spcBef>
              <a:spcAft>
                <a:spcPts val="0"/>
              </a:spcAft>
              <a:buClr>
                <a:schemeClr val="dk1"/>
              </a:buClr>
              <a:buSzPts val="1800"/>
              <a:buFont typeface="Arial"/>
              <a:buNone/>
              <a:defRPr sz="1800" b="1" i="0" u="none" strike="noStrike" cap="none">
                <a:solidFill>
                  <a:schemeClr val="dk1"/>
                </a:solidFill>
                <a:latin typeface="Calibri"/>
                <a:ea typeface="Calibri"/>
                <a:cs typeface="Calibri"/>
                <a:sym typeface="Calibri"/>
              </a:defRPr>
            </a:lvl3pPr>
            <a:lvl4pPr marL="1828800" marR="0" lvl="3"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4pPr>
            <a:lvl5pPr marL="2286000" marR="0" lvl="4"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5pPr>
            <a:lvl6pPr marL="2743200" marR="0" lvl="5"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6pPr>
            <a:lvl7pPr marL="3200400" marR="0" lvl="6"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7pPr>
            <a:lvl8pPr marL="3657600" marR="0" lvl="7"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8pPr>
            <a:lvl9pPr marL="4114800" marR="0" lvl="8" indent="-228600" algn="l" rtl="0">
              <a:lnSpc>
                <a:spcPct val="100000"/>
              </a:lnSpc>
              <a:spcBef>
                <a:spcPts val="320"/>
              </a:spcBef>
              <a:spcAft>
                <a:spcPts val="0"/>
              </a:spcAft>
              <a:buClr>
                <a:schemeClr val="dk1"/>
              </a:buClr>
              <a:buSzPts val="1600"/>
              <a:buFont typeface="Arial"/>
              <a:buNone/>
              <a:defRPr sz="1600" b="1"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121" name="Google Shape;121;p19"/>
          <p:cNvSpPr txBox="1">
            <a:spLocks noGrp="1"/>
          </p:cNvSpPr>
          <p:nvPr>
            <p:ph type="body" idx="4"/>
          </p:nvPr>
        </p:nvSpPr>
        <p:spPr>
          <a:xfrm>
            <a:off x="4645025" y="2174875"/>
            <a:ext cx="4041900" cy="3951300"/>
          </a:xfrm>
          <a:prstGeom prst="rect">
            <a:avLst/>
          </a:prstGeom>
          <a:noFill/>
          <a:ln>
            <a:noFill/>
          </a:ln>
        </p:spPr>
        <p:txBody>
          <a:bodyPr spcFirstLastPara="1" wrap="square" lIns="91425" tIns="91425" rIns="91425" bIns="91425" anchor="t" anchorCtr="0"/>
          <a:lstStyle>
            <a:lvl1pPr marL="457200" marR="0" lvl="0" indent="-381000" algn="l" rtl="0">
              <a:lnSpc>
                <a:spcPct val="100000"/>
              </a:lnSpc>
              <a:spcBef>
                <a:spcPts val="480"/>
              </a:spcBef>
              <a:spcAft>
                <a:spcPts val="0"/>
              </a:spcAft>
              <a:buClr>
                <a:schemeClr val="dk1"/>
              </a:buClr>
              <a:buSzPts val="2400"/>
              <a:buFont typeface="Arial"/>
              <a:buChar char="•"/>
              <a:defRPr sz="2400" b="0" i="0" u="none" strike="noStrike" cap="none">
                <a:solidFill>
                  <a:schemeClr val="dk1"/>
                </a:solidFill>
                <a:latin typeface="Calibri"/>
                <a:ea typeface="Calibri"/>
                <a:cs typeface="Calibri"/>
                <a:sym typeface="Calibri"/>
              </a:defRPr>
            </a:lvl1pPr>
            <a:lvl2pPr marL="914400" marR="0" lvl="1"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2pPr>
            <a:lvl3pPr marL="1371600" marR="0" lvl="2"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3pPr>
            <a:lvl4pPr marL="1828800" marR="0" lvl="3"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4pPr>
            <a:lvl5pPr marL="2286000" marR="0" lvl="4"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5pPr>
            <a:lvl6pPr marL="2743200" marR="0" lvl="5"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6pPr>
            <a:lvl7pPr marL="3200400" marR="0" lvl="6"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7pPr>
            <a:lvl8pPr marL="3657600" marR="0" lvl="7"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8pPr>
            <a:lvl9pPr marL="4114800" marR="0" lvl="8" indent="-330200" algn="l" rtl="0">
              <a:lnSpc>
                <a:spcPct val="100000"/>
              </a:lnSpc>
              <a:spcBef>
                <a:spcPts val="320"/>
              </a:spcBef>
              <a:spcAft>
                <a:spcPts val="0"/>
              </a:spcAft>
              <a:buClr>
                <a:schemeClr val="dk1"/>
              </a:buClr>
              <a:buSzPts val="1600"/>
              <a:buFont typeface="Arial"/>
              <a:buChar char="•"/>
              <a:defRPr sz="1600" b="0"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122" name="Google Shape;122;p19"/>
          <p:cNvSpPr txBox="1">
            <a:spLocks noGrp="1"/>
          </p:cNvSpPr>
          <p:nvPr>
            <p:ph type="dt" idx="10"/>
          </p:nvPr>
        </p:nvSpPr>
        <p:spPr>
          <a:xfrm>
            <a:off x="457200" y="6356350"/>
            <a:ext cx="2133600" cy="365100"/>
          </a:xfrm>
          <a:prstGeom prst="rect">
            <a:avLst/>
          </a:prstGeom>
          <a:noFill/>
          <a:ln>
            <a:noFill/>
          </a:ln>
        </p:spPr>
        <p:txBody>
          <a:bodyPr spcFirstLastPara="1" wrap="square" lIns="91425" tIns="91425" rIns="91425" bIns="91425" anchor="ctr" anchorCtr="0"/>
          <a:lstStyle>
            <a:lvl1pPr marR="0" lvl="0" algn="l" rtl="0">
              <a:lnSpc>
                <a:spcPct val="100000"/>
              </a:lnSpc>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endParaRPr/>
          </a:p>
        </p:txBody>
      </p:sp>
      <p:sp>
        <p:nvSpPr>
          <p:cNvPr id="123" name="Google Shape;123;p19"/>
          <p:cNvSpPr txBox="1">
            <a:spLocks noGrp="1"/>
          </p:cNvSpPr>
          <p:nvPr>
            <p:ph type="ftr" idx="11"/>
          </p:nvPr>
        </p:nvSpPr>
        <p:spPr>
          <a:xfrm>
            <a:off x="3124200" y="6356350"/>
            <a:ext cx="2895600" cy="365100"/>
          </a:xfrm>
          <a:prstGeom prst="rect">
            <a:avLst/>
          </a:prstGeom>
          <a:noFill/>
          <a:ln>
            <a:noFill/>
          </a:ln>
        </p:spPr>
        <p:txBody>
          <a:bodyPr spcFirstLastPara="1" wrap="square" lIns="91425" tIns="91425" rIns="91425" bIns="91425" anchor="ctr" anchorCtr="0"/>
          <a:lstStyle>
            <a:lvl1pPr marR="0" lvl="0" algn="ctr" rtl="0">
              <a:lnSpc>
                <a:spcPct val="100000"/>
              </a:lnSpc>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endParaRPr/>
          </a:p>
        </p:txBody>
      </p:sp>
    </p:spTree>
    <p:extLst>
      <p:ext uri="{BB962C8B-B14F-4D97-AF65-F5344CB8AC3E}">
        <p14:creationId xmlns:p14="http://schemas.microsoft.com/office/powerpoint/2010/main" val="3319364754"/>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matchingName="Title and Content 2" preserve="1">
  <p:cSld name="Title and Content 2">
    <p:spTree>
      <p:nvGrpSpPr>
        <p:cNvPr id="1" name="Shape 124"/>
        <p:cNvGrpSpPr/>
        <p:nvPr/>
      </p:nvGrpSpPr>
      <p:grpSpPr>
        <a:xfrm>
          <a:off x="0" y="0"/>
          <a:ext cx="0" cy="0"/>
          <a:chOff x="0" y="0"/>
          <a:chExt cx="0" cy="0"/>
        </a:xfrm>
      </p:grpSpPr>
      <p:sp>
        <p:nvSpPr>
          <p:cNvPr id="125" name="Google Shape;125;p20"/>
          <p:cNvSpPr txBox="1">
            <a:spLocks noGrp="1"/>
          </p:cNvSpPr>
          <p:nvPr>
            <p:ph type="title"/>
          </p:nvPr>
        </p:nvSpPr>
        <p:spPr>
          <a:xfrm>
            <a:off x="457221" y="274339"/>
            <a:ext cx="82296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1pPr>
            <a:lvl2pPr marR="0" lvl="1" algn="ctr" rtl="0">
              <a:spcBef>
                <a:spcPts val="0"/>
              </a:spcBef>
              <a:spcAft>
                <a:spcPts val="0"/>
              </a:spcAft>
              <a:buClr>
                <a:schemeClr val="dk2"/>
              </a:buClr>
              <a:buSzPts val="1900"/>
              <a:buFont typeface="Arial"/>
              <a:buNone/>
              <a:defRPr sz="19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900"/>
              <a:buFont typeface="Arial"/>
              <a:buNone/>
              <a:defRPr sz="19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900"/>
              <a:buFont typeface="Arial"/>
              <a:buNone/>
              <a:defRPr sz="19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900"/>
              <a:buFont typeface="Arial"/>
              <a:buNone/>
              <a:defRPr sz="19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900"/>
              <a:buFont typeface="Arial"/>
              <a:buNone/>
              <a:defRPr sz="19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900"/>
              <a:buFont typeface="Arial"/>
              <a:buNone/>
              <a:defRPr sz="19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900"/>
              <a:buFont typeface="Arial"/>
              <a:buNone/>
              <a:defRPr sz="19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900"/>
              <a:buFont typeface="Arial"/>
              <a:buNone/>
              <a:defRPr sz="1900" b="0" i="0" u="none" strike="noStrike" cap="none">
                <a:solidFill>
                  <a:schemeClr val="dk2"/>
                </a:solidFill>
                <a:latin typeface="Calibri"/>
                <a:ea typeface="Calibri"/>
                <a:cs typeface="Calibri"/>
                <a:sym typeface="Calibri"/>
              </a:defRPr>
            </a:lvl9pPr>
          </a:lstStyle>
          <a:p>
            <a:r>
              <a:rPr lang="en-US"/>
              <a:t>Click to edit Master title style</a:t>
            </a:r>
            <a:endParaRPr/>
          </a:p>
        </p:txBody>
      </p:sp>
      <p:sp>
        <p:nvSpPr>
          <p:cNvPr id="126" name="Google Shape;126;p20"/>
          <p:cNvSpPr txBox="1">
            <a:spLocks noGrp="1"/>
          </p:cNvSpPr>
          <p:nvPr>
            <p:ph type="body" idx="1"/>
          </p:nvPr>
        </p:nvSpPr>
        <p:spPr>
          <a:xfrm>
            <a:off x="457221" y="1577359"/>
            <a:ext cx="8229600" cy="276900"/>
          </a:xfrm>
          <a:prstGeom prst="rect">
            <a:avLst/>
          </a:prstGeom>
          <a:noFill/>
          <a:ln>
            <a:noFill/>
          </a:ln>
        </p:spPr>
        <p:txBody>
          <a:bodyPr spcFirstLastPara="1" wrap="square" lIns="91425" tIns="91425" rIns="91425" bIns="91425" anchor="t" anchorCtr="0"/>
          <a:lstStyle>
            <a:lvl1pPr marL="457200" marR="0" lvl="0"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1pPr>
            <a:lvl2pPr marL="914400" marR="0" lvl="1"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2pPr>
            <a:lvl3pPr marL="1371600" marR="0" lvl="2"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3pPr>
            <a:lvl4pPr marL="1828800" marR="0" lvl="3"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4pPr>
            <a:lvl5pPr marL="2286000" marR="0" lvl="4"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5pPr>
            <a:lvl6pPr marL="2743200" marR="0" lvl="5"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6pPr>
            <a:lvl7pPr marL="3200400" marR="0" lvl="6"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7pPr>
            <a:lvl8pPr marL="3657600" marR="0" lvl="7"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8pPr>
            <a:lvl9pPr marL="4114800" marR="0" lvl="8" indent="-228600" algn="l" rtl="0">
              <a:lnSpc>
                <a:spcPct val="100000"/>
              </a:lnSpc>
              <a:spcBef>
                <a:spcPts val="0"/>
              </a:spcBef>
              <a:spcAft>
                <a:spcPts val="0"/>
              </a:spcAft>
              <a:buClr>
                <a:srgbClr val="000000"/>
              </a:buClr>
              <a:buSzPts val="1900"/>
              <a:buFont typeface="Calibri"/>
              <a:buNone/>
              <a:defRPr sz="1900" b="0" i="0" u="none" strike="noStrike" cap="none">
                <a:solidFill>
                  <a:srgbClr val="000000"/>
                </a:solidFill>
                <a:latin typeface="Calibri"/>
                <a:ea typeface="Calibri"/>
                <a:cs typeface="Calibri"/>
                <a:sym typeface="Calibri"/>
              </a:defRPr>
            </a:lvl9pPr>
          </a:lstStyle>
          <a:p>
            <a:pPr lvl="0"/>
            <a:r>
              <a:rPr lang="en-US"/>
              <a:t>Edit Master text styles</a:t>
            </a:r>
          </a:p>
        </p:txBody>
      </p:sp>
      <p:sp>
        <p:nvSpPr>
          <p:cNvPr id="127" name="Google Shape;127;p20"/>
          <p:cNvSpPr txBox="1">
            <a:spLocks noGrp="1"/>
          </p:cNvSpPr>
          <p:nvPr>
            <p:ph type="ftr" idx="11"/>
          </p:nvPr>
        </p:nvSpPr>
        <p:spPr>
          <a:xfrm>
            <a:off x="3108981" y="6377949"/>
            <a:ext cx="29262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128" name="Google Shape;128;p20"/>
          <p:cNvSpPr txBox="1">
            <a:spLocks noGrp="1"/>
          </p:cNvSpPr>
          <p:nvPr>
            <p:ph type="dt" idx="10"/>
          </p:nvPr>
        </p:nvSpPr>
        <p:spPr>
          <a:xfrm>
            <a:off x="457200" y="6377949"/>
            <a:ext cx="21030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129" name="Google Shape;129;p20"/>
          <p:cNvSpPr txBox="1">
            <a:spLocks noGrp="1"/>
          </p:cNvSpPr>
          <p:nvPr>
            <p:ph type="sldNum" idx="12"/>
          </p:nvPr>
        </p:nvSpPr>
        <p:spPr>
          <a:xfrm>
            <a:off x="6583680" y="6377949"/>
            <a:ext cx="2103000" cy="276900"/>
          </a:xfrm>
          <a:prstGeom prst="rect">
            <a:avLst/>
          </a:prstGeom>
          <a:noFill/>
          <a:ln>
            <a:noFill/>
          </a:ln>
        </p:spPr>
        <p:txBody>
          <a:bodyPr spcFirstLastPara="1" wrap="square" lIns="0" tIns="0" rIns="0" bIns="0" anchor="t" anchorCtr="0">
            <a:noAutofit/>
          </a:bodyPr>
          <a:lstStyle>
            <a:lvl1pPr marL="0" marR="0" lvl="0"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1pPr>
            <a:lvl2pPr marL="0" marR="0" lvl="1"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2pPr>
            <a:lvl3pPr marL="0" marR="0" lvl="2"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3pPr>
            <a:lvl4pPr marL="0" marR="0" lvl="3"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4pPr>
            <a:lvl5pPr marL="0" marR="0" lvl="4"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5pPr>
            <a:lvl6pPr marL="0" marR="0" lvl="5"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6pPr>
            <a:lvl7pPr marL="0" marR="0" lvl="6"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7pPr>
            <a:lvl8pPr marL="0" marR="0" lvl="7"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8pPr>
            <a:lvl9pPr marL="0" marR="0" lvl="8"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9pPr>
          </a:lstStyle>
          <a:p>
            <a:pPr marL="0" lvl="0" indent="0">
              <a:spcBef>
                <a:spcPts val="0"/>
              </a:spcBef>
              <a:spcAft>
                <a:spcPts val="0"/>
              </a:spcAft>
              <a:buNone/>
            </a:pPr>
            <a:fld id="{00000000-1234-1234-1234-123412341234}" type="slidenum">
              <a:rPr lang="en-US"/>
              <a:t>‹#›</a:t>
            </a:fld>
            <a:endParaRPr/>
          </a:p>
        </p:txBody>
      </p:sp>
    </p:spTree>
    <p:extLst>
      <p:ext uri="{BB962C8B-B14F-4D97-AF65-F5344CB8AC3E}">
        <p14:creationId xmlns:p14="http://schemas.microsoft.com/office/powerpoint/2010/main" val="1115370248"/>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matchingName="Blank 1" preserve="1">
  <p:cSld name="Blank 1">
    <p:spTree>
      <p:nvGrpSpPr>
        <p:cNvPr id="1" name="Shape 130"/>
        <p:cNvGrpSpPr/>
        <p:nvPr/>
      </p:nvGrpSpPr>
      <p:grpSpPr>
        <a:xfrm>
          <a:off x="0" y="0"/>
          <a:ext cx="0" cy="0"/>
          <a:chOff x="0" y="0"/>
          <a:chExt cx="0" cy="0"/>
        </a:xfrm>
      </p:grpSpPr>
      <p:sp>
        <p:nvSpPr>
          <p:cNvPr id="131" name="Google Shape;131;p21"/>
          <p:cNvSpPr txBox="1">
            <a:spLocks noGrp="1"/>
          </p:cNvSpPr>
          <p:nvPr>
            <p:ph type="ftr" idx="11"/>
          </p:nvPr>
        </p:nvSpPr>
        <p:spPr>
          <a:xfrm>
            <a:off x="3108981" y="6377949"/>
            <a:ext cx="29262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132" name="Google Shape;132;p21"/>
          <p:cNvSpPr txBox="1">
            <a:spLocks noGrp="1"/>
          </p:cNvSpPr>
          <p:nvPr>
            <p:ph type="dt" idx="10"/>
          </p:nvPr>
        </p:nvSpPr>
        <p:spPr>
          <a:xfrm>
            <a:off x="457200" y="6377949"/>
            <a:ext cx="21030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133" name="Google Shape;133;p21"/>
          <p:cNvSpPr txBox="1">
            <a:spLocks noGrp="1"/>
          </p:cNvSpPr>
          <p:nvPr>
            <p:ph type="sldNum" idx="12"/>
          </p:nvPr>
        </p:nvSpPr>
        <p:spPr>
          <a:xfrm>
            <a:off x="6583680" y="6377949"/>
            <a:ext cx="2103000" cy="276900"/>
          </a:xfrm>
          <a:prstGeom prst="rect">
            <a:avLst/>
          </a:prstGeom>
          <a:noFill/>
          <a:ln>
            <a:noFill/>
          </a:ln>
        </p:spPr>
        <p:txBody>
          <a:bodyPr spcFirstLastPara="1" wrap="square" lIns="0" tIns="0" rIns="0" bIns="0" anchor="t" anchorCtr="0">
            <a:noAutofit/>
          </a:bodyPr>
          <a:lstStyle>
            <a:lvl1pPr marL="0" marR="0" lvl="0"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1pPr>
            <a:lvl2pPr marL="0" marR="0" lvl="1"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2pPr>
            <a:lvl3pPr marL="0" marR="0" lvl="2"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3pPr>
            <a:lvl4pPr marL="0" marR="0" lvl="3"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4pPr>
            <a:lvl5pPr marL="0" marR="0" lvl="4"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5pPr>
            <a:lvl6pPr marL="0" marR="0" lvl="5"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6pPr>
            <a:lvl7pPr marL="0" marR="0" lvl="6"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7pPr>
            <a:lvl8pPr marL="0" marR="0" lvl="7"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8pPr>
            <a:lvl9pPr marL="0" marR="0" lvl="8" indent="0" algn="r" rtl="0">
              <a:spcBef>
                <a:spcPts val="0"/>
              </a:spcBef>
              <a:buClr>
                <a:srgbClr val="888888"/>
              </a:buClr>
              <a:buSzPts val="1900"/>
              <a:buFont typeface="Calibri"/>
              <a:buNone/>
              <a:defRPr sz="1900">
                <a:solidFill>
                  <a:srgbClr val="888888"/>
                </a:solidFill>
                <a:latin typeface="Calibri"/>
                <a:ea typeface="Calibri"/>
                <a:cs typeface="Calibri"/>
                <a:sym typeface="Calibri"/>
              </a:defRPr>
            </a:lvl9pPr>
          </a:lstStyle>
          <a:p>
            <a:pPr marL="0" lvl="0" indent="0">
              <a:spcBef>
                <a:spcPts val="0"/>
              </a:spcBef>
              <a:spcAft>
                <a:spcPts val="0"/>
              </a:spcAft>
              <a:buNone/>
            </a:pPr>
            <a:fld id="{00000000-1234-1234-1234-123412341234}" type="slidenum">
              <a:rPr lang="en-US"/>
              <a:t>‹#›</a:t>
            </a:fld>
            <a:endParaRPr/>
          </a:p>
        </p:txBody>
      </p:sp>
    </p:spTree>
    <p:extLst>
      <p:ext uri="{BB962C8B-B14F-4D97-AF65-F5344CB8AC3E}">
        <p14:creationId xmlns:p14="http://schemas.microsoft.com/office/powerpoint/2010/main" val="1573223089"/>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matchingName="Blank" type="obj">
  <p:cSld name="Blank">
    <p:spTree>
      <p:nvGrpSpPr>
        <p:cNvPr id="1" name="Shape 18"/>
        <p:cNvGrpSpPr/>
        <p:nvPr/>
      </p:nvGrpSpPr>
      <p:grpSpPr>
        <a:xfrm>
          <a:off x="0" y="0"/>
          <a:ext cx="0" cy="0"/>
          <a:chOff x="0" y="0"/>
          <a:chExt cx="0" cy="0"/>
        </a:xfrm>
      </p:grpSpPr>
      <p:sp>
        <p:nvSpPr>
          <p:cNvPr id="19" name="Google Shape;19;p2"/>
          <p:cNvSpPr txBox="1">
            <a:spLocks noGrp="1"/>
          </p:cNvSpPr>
          <p:nvPr>
            <p:ph type="ftr" idx="11"/>
          </p:nvPr>
        </p:nvSpPr>
        <p:spPr>
          <a:xfrm>
            <a:off x="3108965" y="6377942"/>
            <a:ext cx="2926079" cy="276999"/>
          </a:xfrm>
          <a:prstGeom prst="rect">
            <a:avLst/>
          </a:prstGeom>
          <a:noFill/>
          <a:ln>
            <a:noFill/>
          </a:ln>
        </p:spPr>
        <p:txBody>
          <a:bodyPr spcFirstLastPara="1" wrap="square" lIns="0" tIns="0" rIns="0" bIns="0" anchor="t" anchorCtr="0"/>
          <a:lstStyle>
            <a:lvl1pPr marR="0" lvl="0" algn="ctr"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endParaRPr lang="en-US"/>
          </a:p>
        </p:txBody>
      </p:sp>
      <p:sp>
        <p:nvSpPr>
          <p:cNvPr id="20" name="Google Shape;20;p2"/>
          <p:cNvSpPr txBox="1">
            <a:spLocks noGrp="1"/>
          </p:cNvSpPr>
          <p:nvPr>
            <p:ph type="dt" idx="10"/>
          </p:nvPr>
        </p:nvSpPr>
        <p:spPr>
          <a:xfrm>
            <a:off x="457200" y="6377942"/>
            <a:ext cx="2103120"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endParaRPr lang="en-US"/>
          </a:p>
        </p:txBody>
      </p:sp>
      <p:sp>
        <p:nvSpPr>
          <p:cNvPr id="21" name="Google Shape;21;p2"/>
          <p:cNvSpPr txBox="1">
            <a:spLocks noGrp="1"/>
          </p:cNvSpPr>
          <p:nvPr>
            <p:ph type="sldNum" idx="12"/>
          </p:nvPr>
        </p:nvSpPr>
        <p:spPr>
          <a:xfrm>
            <a:off x="6583680" y="6377942"/>
            <a:ext cx="2103120" cy="276999"/>
          </a:xfrm>
          <a:prstGeom prst="rect">
            <a:avLst/>
          </a:prstGeom>
          <a:noFill/>
          <a:ln>
            <a:noFill/>
          </a:ln>
        </p:spPr>
        <p:txBody>
          <a:bodyPr spcFirstLastPara="1" wrap="square" lIns="0" tIns="0" rIns="0" bIns="0" anchor="t" anchorCtr="0">
            <a:noAutofit/>
          </a:bodyPr>
          <a:lstStyle>
            <a:lvl1pPr marL="0" marR="0" lvl="0" indent="0" algn="r" rtl="0">
              <a:spcBef>
                <a:spcPts val="0"/>
              </a:spcBef>
              <a:buNone/>
              <a:defRPr sz="1800">
                <a:solidFill>
                  <a:srgbClr val="888888"/>
                </a:solidFill>
                <a:latin typeface="Calibri"/>
                <a:ea typeface="Calibri"/>
                <a:cs typeface="Calibri"/>
                <a:sym typeface="Calibri"/>
              </a:defRPr>
            </a:lvl1pPr>
            <a:lvl2pPr marL="0" marR="0" lvl="1" indent="0" algn="r" rtl="0">
              <a:spcBef>
                <a:spcPts val="0"/>
              </a:spcBef>
              <a:buNone/>
              <a:defRPr sz="1800">
                <a:solidFill>
                  <a:srgbClr val="888888"/>
                </a:solidFill>
                <a:latin typeface="Calibri"/>
                <a:ea typeface="Calibri"/>
                <a:cs typeface="Calibri"/>
                <a:sym typeface="Calibri"/>
              </a:defRPr>
            </a:lvl2pPr>
            <a:lvl3pPr marL="0" marR="0" lvl="2" indent="0" algn="r" rtl="0">
              <a:spcBef>
                <a:spcPts val="0"/>
              </a:spcBef>
              <a:buNone/>
              <a:defRPr sz="1800">
                <a:solidFill>
                  <a:srgbClr val="888888"/>
                </a:solidFill>
                <a:latin typeface="Calibri"/>
                <a:ea typeface="Calibri"/>
                <a:cs typeface="Calibri"/>
                <a:sym typeface="Calibri"/>
              </a:defRPr>
            </a:lvl3pPr>
            <a:lvl4pPr marL="0" marR="0" lvl="3" indent="0" algn="r" rtl="0">
              <a:spcBef>
                <a:spcPts val="0"/>
              </a:spcBef>
              <a:buNone/>
              <a:defRPr sz="1800">
                <a:solidFill>
                  <a:srgbClr val="888888"/>
                </a:solidFill>
                <a:latin typeface="Calibri"/>
                <a:ea typeface="Calibri"/>
                <a:cs typeface="Calibri"/>
                <a:sym typeface="Calibri"/>
              </a:defRPr>
            </a:lvl4pPr>
            <a:lvl5pPr marL="0" marR="0" lvl="4" indent="0" algn="r" rtl="0">
              <a:spcBef>
                <a:spcPts val="0"/>
              </a:spcBef>
              <a:buNone/>
              <a:defRPr sz="1800">
                <a:solidFill>
                  <a:srgbClr val="888888"/>
                </a:solidFill>
                <a:latin typeface="Calibri"/>
                <a:ea typeface="Calibri"/>
                <a:cs typeface="Calibri"/>
                <a:sym typeface="Calibri"/>
              </a:defRPr>
            </a:lvl5pPr>
            <a:lvl6pPr marL="0" marR="0" lvl="5" indent="0" algn="r" rtl="0">
              <a:spcBef>
                <a:spcPts val="0"/>
              </a:spcBef>
              <a:buNone/>
              <a:defRPr sz="1800">
                <a:solidFill>
                  <a:srgbClr val="888888"/>
                </a:solidFill>
                <a:latin typeface="Calibri"/>
                <a:ea typeface="Calibri"/>
                <a:cs typeface="Calibri"/>
                <a:sym typeface="Calibri"/>
              </a:defRPr>
            </a:lvl6pPr>
            <a:lvl7pPr marL="0" marR="0" lvl="6" indent="0" algn="r" rtl="0">
              <a:spcBef>
                <a:spcPts val="0"/>
              </a:spcBef>
              <a:buNone/>
              <a:defRPr sz="1800">
                <a:solidFill>
                  <a:srgbClr val="888888"/>
                </a:solidFill>
                <a:latin typeface="Calibri"/>
                <a:ea typeface="Calibri"/>
                <a:cs typeface="Calibri"/>
                <a:sym typeface="Calibri"/>
              </a:defRPr>
            </a:lvl7pPr>
            <a:lvl8pPr marL="0" marR="0" lvl="7" indent="0" algn="r" rtl="0">
              <a:spcBef>
                <a:spcPts val="0"/>
              </a:spcBef>
              <a:buNone/>
              <a:defRPr sz="1800">
                <a:solidFill>
                  <a:srgbClr val="888888"/>
                </a:solidFill>
                <a:latin typeface="Calibri"/>
                <a:ea typeface="Calibri"/>
                <a:cs typeface="Calibri"/>
                <a:sym typeface="Calibri"/>
              </a:defRPr>
            </a:lvl8pPr>
            <a:lvl9pPr marL="0" marR="0" lvl="8" indent="0" algn="r" rtl="0">
              <a:spcBef>
                <a:spcPts val="0"/>
              </a:spcBef>
              <a:buNone/>
              <a:defRPr sz="1800">
                <a:solidFill>
                  <a:srgbClr val="888888"/>
                </a:solidFill>
                <a:latin typeface="Calibri"/>
                <a:ea typeface="Calibri"/>
                <a:cs typeface="Calibri"/>
                <a:sym typeface="Calibri"/>
              </a:defRPr>
            </a:lvl9pPr>
          </a:lstStyle>
          <a:p>
            <a:pPr marL="0" lvl="0" indent="0">
              <a:spcBef>
                <a:spcPts val="0"/>
              </a:spcBef>
              <a:spcAft>
                <a:spcPts val="0"/>
              </a:spcAft>
              <a:buNone/>
            </a:pPr>
            <a:fld id="{00000000-1234-1234-1234-123412341234}" type="slidenum">
              <a:rPr lang="en-US" smtClean="0"/>
              <a:t>‹#›</a:t>
            </a:fld>
            <a:endParaRPr lang="en-US"/>
          </a:p>
        </p:txBody>
      </p:sp>
    </p:spTree>
    <p:extLst>
      <p:ext uri="{BB962C8B-B14F-4D97-AF65-F5344CB8AC3E}">
        <p14:creationId xmlns:p14="http://schemas.microsoft.com/office/powerpoint/2010/main" val="148273018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matchingName="Title and Content">
  <p:cSld name="Title and Content">
    <p:spTree>
      <p:nvGrpSpPr>
        <p:cNvPr id="1" name="Shape 22"/>
        <p:cNvGrpSpPr/>
        <p:nvPr/>
      </p:nvGrpSpPr>
      <p:grpSpPr>
        <a:xfrm>
          <a:off x="0" y="0"/>
          <a:ext cx="0" cy="0"/>
          <a:chOff x="0" y="0"/>
          <a:chExt cx="0" cy="0"/>
        </a:xfrm>
      </p:grpSpPr>
      <p:sp>
        <p:nvSpPr>
          <p:cNvPr id="23" name="Google Shape;23;p3"/>
          <p:cNvSpPr txBox="1">
            <a:spLocks noGrp="1"/>
          </p:cNvSpPr>
          <p:nvPr>
            <p:ph type="title"/>
          </p:nvPr>
        </p:nvSpPr>
        <p:spPr>
          <a:xfrm>
            <a:off x="457205" y="274324"/>
            <a:ext cx="8229599"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b="0" i="0" u="none" strike="noStrike" cap="none">
                <a:latin typeface="Calibri"/>
                <a:ea typeface="Calibri"/>
                <a:cs typeface="Calibri"/>
                <a:sym typeface="Calibri"/>
              </a:defRPr>
            </a:lvl1pPr>
            <a:lvl2pPr lvl="1">
              <a:spcBef>
                <a:spcPts val="0"/>
              </a:spcBef>
              <a:spcAft>
                <a:spcPts val="0"/>
              </a:spcAft>
              <a:buSzPts val="1400"/>
              <a:buNone/>
              <a:defRPr sz="1800"/>
            </a:lvl2pPr>
            <a:lvl3pPr lvl="2">
              <a:spcBef>
                <a:spcPts val="0"/>
              </a:spcBef>
              <a:spcAft>
                <a:spcPts val="0"/>
              </a:spcAft>
              <a:buSzPts val="1400"/>
              <a:buNone/>
              <a:defRPr sz="1800"/>
            </a:lvl3pPr>
            <a:lvl4pPr lvl="3">
              <a:spcBef>
                <a:spcPts val="0"/>
              </a:spcBef>
              <a:spcAft>
                <a:spcPts val="0"/>
              </a:spcAft>
              <a:buSzPts val="1400"/>
              <a:buNone/>
              <a:defRPr sz="1800"/>
            </a:lvl4pPr>
            <a:lvl5pPr lvl="4">
              <a:spcBef>
                <a:spcPts val="0"/>
              </a:spcBef>
              <a:spcAft>
                <a:spcPts val="0"/>
              </a:spcAft>
              <a:buSzPts val="1400"/>
              <a:buNone/>
              <a:defRPr sz="1800"/>
            </a:lvl5pPr>
            <a:lvl6pPr lvl="5">
              <a:spcBef>
                <a:spcPts val="0"/>
              </a:spcBef>
              <a:spcAft>
                <a:spcPts val="0"/>
              </a:spcAft>
              <a:buSzPts val="1400"/>
              <a:buNone/>
              <a:defRPr sz="1800"/>
            </a:lvl6pPr>
            <a:lvl7pPr lvl="6">
              <a:spcBef>
                <a:spcPts val="0"/>
              </a:spcBef>
              <a:spcAft>
                <a:spcPts val="0"/>
              </a:spcAft>
              <a:buSzPts val="1400"/>
              <a:buNone/>
              <a:defRPr sz="1800"/>
            </a:lvl7pPr>
            <a:lvl8pPr lvl="7">
              <a:spcBef>
                <a:spcPts val="0"/>
              </a:spcBef>
              <a:spcAft>
                <a:spcPts val="0"/>
              </a:spcAft>
              <a:buSzPts val="1400"/>
              <a:buNone/>
              <a:defRPr sz="1800"/>
            </a:lvl8pPr>
            <a:lvl9pPr lvl="8">
              <a:spcBef>
                <a:spcPts val="0"/>
              </a:spcBef>
              <a:spcAft>
                <a:spcPts val="0"/>
              </a:spcAft>
              <a:buSzPts val="1400"/>
              <a:buNone/>
              <a:defRPr sz="1800"/>
            </a:lvl9pPr>
          </a:lstStyle>
          <a:p>
            <a:r>
              <a:rPr lang="en-US"/>
              <a:t>Click to edit Master title style</a:t>
            </a:r>
            <a:endParaRPr/>
          </a:p>
        </p:txBody>
      </p:sp>
      <p:sp>
        <p:nvSpPr>
          <p:cNvPr id="24" name="Google Shape;24;p3"/>
          <p:cNvSpPr txBox="1">
            <a:spLocks noGrp="1"/>
          </p:cNvSpPr>
          <p:nvPr>
            <p:ph type="body" idx="1"/>
          </p:nvPr>
        </p:nvSpPr>
        <p:spPr>
          <a:xfrm>
            <a:off x="457205" y="1577344"/>
            <a:ext cx="8229599" cy="276999"/>
          </a:xfrm>
          <a:prstGeom prst="rect">
            <a:avLst/>
          </a:prstGeom>
          <a:noFill/>
          <a:ln>
            <a:noFill/>
          </a:ln>
        </p:spPr>
        <p:txBody>
          <a:bodyPr spcFirstLastPara="1" wrap="square" lIns="0" tIns="0" rIns="0" bIns="0" anchor="t" anchorCtr="0"/>
          <a:lstStyle>
            <a:lvl1pPr marL="457200" marR="0" lvl="0" indent="-228600" algn="l" rtl="0">
              <a:spcBef>
                <a:spcPts val="0"/>
              </a:spcBef>
              <a:spcAft>
                <a:spcPts val="0"/>
              </a:spcAft>
              <a:buSzPts val="1400"/>
              <a:buNone/>
              <a:defRPr sz="1800" b="0" i="0" u="none" strike="noStrike" cap="none">
                <a:latin typeface="Calibri"/>
                <a:ea typeface="Calibri"/>
                <a:cs typeface="Calibri"/>
                <a:sym typeface="Calibri"/>
              </a:defRPr>
            </a:lvl1pPr>
            <a:lvl2pPr marL="914400" marR="0" lvl="1" indent="-228600" algn="l" rtl="0">
              <a:spcBef>
                <a:spcPts val="0"/>
              </a:spcBef>
              <a:spcAft>
                <a:spcPts val="0"/>
              </a:spcAft>
              <a:buSzPts val="1400"/>
              <a:buNone/>
              <a:defRPr sz="1800" b="0" i="0" u="none" strike="noStrike" cap="none">
                <a:latin typeface="Calibri"/>
                <a:ea typeface="Calibri"/>
                <a:cs typeface="Calibri"/>
                <a:sym typeface="Calibri"/>
              </a:defRPr>
            </a:lvl2pPr>
            <a:lvl3pPr marL="1371600" marR="0" lvl="2" indent="-228600" algn="l" rtl="0">
              <a:spcBef>
                <a:spcPts val="0"/>
              </a:spcBef>
              <a:spcAft>
                <a:spcPts val="0"/>
              </a:spcAft>
              <a:buSzPts val="1400"/>
              <a:buNone/>
              <a:defRPr sz="1800" b="0" i="0" u="none" strike="noStrike" cap="none">
                <a:latin typeface="Calibri"/>
                <a:ea typeface="Calibri"/>
                <a:cs typeface="Calibri"/>
                <a:sym typeface="Calibri"/>
              </a:defRPr>
            </a:lvl3pPr>
            <a:lvl4pPr marL="1828800" marR="0" lvl="3" indent="-228600" algn="l" rtl="0">
              <a:spcBef>
                <a:spcPts val="0"/>
              </a:spcBef>
              <a:spcAft>
                <a:spcPts val="0"/>
              </a:spcAft>
              <a:buSzPts val="1400"/>
              <a:buNone/>
              <a:defRPr sz="1800" b="0" i="0" u="none" strike="noStrike" cap="none">
                <a:latin typeface="Calibri"/>
                <a:ea typeface="Calibri"/>
                <a:cs typeface="Calibri"/>
                <a:sym typeface="Calibri"/>
              </a:defRPr>
            </a:lvl4pPr>
            <a:lvl5pPr marL="2286000" marR="0" lvl="4" indent="-228600" algn="l" rtl="0">
              <a:spcBef>
                <a:spcPts val="0"/>
              </a:spcBef>
              <a:spcAft>
                <a:spcPts val="0"/>
              </a:spcAft>
              <a:buSzPts val="1400"/>
              <a:buNone/>
              <a:defRPr sz="1800" b="0" i="0" u="none" strike="noStrike" cap="none">
                <a:latin typeface="Calibri"/>
                <a:ea typeface="Calibri"/>
                <a:cs typeface="Calibri"/>
                <a:sym typeface="Calibri"/>
              </a:defRPr>
            </a:lvl5pPr>
            <a:lvl6pPr marL="2743200" marR="0" lvl="5" indent="-228600" algn="l" rtl="0">
              <a:spcBef>
                <a:spcPts val="0"/>
              </a:spcBef>
              <a:spcAft>
                <a:spcPts val="0"/>
              </a:spcAft>
              <a:buSzPts val="1400"/>
              <a:buNone/>
              <a:defRPr sz="1800" b="0" i="0" u="none" strike="noStrike" cap="none">
                <a:latin typeface="Calibri"/>
                <a:ea typeface="Calibri"/>
                <a:cs typeface="Calibri"/>
                <a:sym typeface="Calibri"/>
              </a:defRPr>
            </a:lvl6pPr>
            <a:lvl7pPr marL="3200400" marR="0" lvl="6" indent="-228600" algn="l" rtl="0">
              <a:spcBef>
                <a:spcPts val="0"/>
              </a:spcBef>
              <a:spcAft>
                <a:spcPts val="0"/>
              </a:spcAft>
              <a:buSzPts val="1400"/>
              <a:buNone/>
              <a:defRPr sz="1800" b="0" i="0" u="none" strike="noStrike" cap="none">
                <a:latin typeface="Calibri"/>
                <a:ea typeface="Calibri"/>
                <a:cs typeface="Calibri"/>
                <a:sym typeface="Calibri"/>
              </a:defRPr>
            </a:lvl7pPr>
            <a:lvl8pPr marL="3657600" marR="0" lvl="7" indent="-228600" algn="l" rtl="0">
              <a:spcBef>
                <a:spcPts val="0"/>
              </a:spcBef>
              <a:spcAft>
                <a:spcPts val="0"/>
              </a:spcAft>
              <a:buSzPts val="1400"/>
              <a:buNone/>
              <a:defRPr sz="1800" b="0" i="0" u="none" strike="noStrike" cap="none">
                <a:latin typeface="Calibri"/>
                <a:ea typeface="Calibri"/>
                <a:cs typeface="Calibri"/>
                <a:sym typeface="Calibri"/>
              </a:defRPr>
            </a:lvl8pPr>
            <a:lvl9pPr marL="4114800" marR="0" lvl="8" indent="-228600" algn="l" rtl="0">
              <a:spcBef>
                <a:spcPts val="0"/>
              </a:spcBef>
              <a:spcAft>
                <a:spcPts val="0"/>
              </a:spcAft>
              <a:buSzPts val="1400"/>
              <a:buNone/>
              <a:defRPr sz="1800" b="0" i="0" u="none" strike="noStrike" cap="none">
                <a:latin typeface="Calibri"/>
                <a:ea typeface="Calibri"/>
                <a:cs typeface="Calibri"/>
                <a:sym typeface="Calibri"/>
              </a:defRPr>
            </a:lvl9pPr>
          </a:lstStyle>
          <a:p>
            <a:pPr lvl="0"/>
            <a:r>
              <a:rPr lang="en-US"/>
              <a:t>Edit Master text styles</a:t>
            </a:r>
          </a:p>
        </p:txBody>
      </p:sp>
      <p:sp>
        <p:nvSpPr>
          <p:cNvPr id="25" name="Google Shape;25;p3"/>
          <p:cNvSpPr txBox="1">
            <a:spLocks noGrp="1"/>
          </p:cNvSpPr>
          <p:nvPr>
            <p:ph type="ftr" idx="11"/>
          </p:nvPr>
        </p:nvSpPr>
        <p:spPr>
          <a:xfrm>
            <a:off x="3108965" y="6377942"/>
            <a:ext cx="2926079" cy="276999"/>
          </a:xfrm>
          <a:prstGeom prst="rect">
            <a:avLst/>
          </a:prstGeom>
          <a:noFill/>
          <a:ln>
            <a:noFill/>
          </a:ln>
        </p:spPr>
        <p:txBody>
          <a:bodyPr spcFirstLastPara="1" wrap="square" lIns="0" tIns="0" rIns="0" bIns="0" anchor="t" anchorCtr="0"/>
          <a:lstStyle>
            <a:lvl1pPr marR="0" lvl="0" algn="ctr"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EECE1"/>
              </a:solidFill>
              <a:effectLst/>
              <a:uLnTx/>
              <a:uFillTx/>
              <a:latin typeface="Calibri"/>
              <a:ea typeface="+mn-ea"/>
              <a:cs typeface="+mn-cs"/>
            </a:endParaRPr>
          </a:p>
        </p:txBody>
      </p:sp>
      <p:sp>
        <p:nvSpPr>
          <p:cNvPr id="26" name="Google Shape;26;p3"/>
          <p:cNvSpPr txBox="1">
            <a:spLocks noGrp="1"/>
          </p:cNvSpPr>
          <p:nvPr>
            <p:ph type="dt" idx="10"/>
          </p:nvPr>
        </p:nvSpPr>
        <p:spPr>
          <a:xfrm>
            <a:off x="457200" y="6377942"/>
            <a:ext cx="2103120"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endParaRPr/>
          </a:p>
        </p:txBody>
      </p:sp>
      <p:sp>
        <p:nvSpPr>
          <p:cNvPr id="27" name="Google Shape;27;p3"/>
          <p:cNvSpPr txBox="1">
            <a:spLocks noGrp="1"/>
          </p:cNvSpPr>
          <p:nvPr>
            <p:ph type="sldNum" idx="12"/>
          </p:nvPr>
        </p:nvSpPr>
        <p:spPr>
          <a:xfrm>
            <a:off x="6583680" y="6377942"/>
            <a:ext cx="2103120" cy="276999"/>
          </a:xfrm>
          <a:prstGeom prst="rect">
            <a:avLst/>
          </a:prstGeom>
          <a:noFill/>
          <a:ln>
            <a:noFill/>
          </a:ln>
        </p:spPr>
        <p:txBody>
          <a:bodyPr spcFirstLastPara="1" wrap="square" lIns="0" tIns="0" rIns="0" bIns="0" anchor="t" anchorCtr="0">
            <a:noAutofit/>
          </a:bodyPr>
          <a:lstStyle>
            <a:lvl1pPr marL="0" marR="0" lvl="0" indent="0" algn="r" rtl="0">
              <a:spcBef>
                <a:spcPts val="0"/>
              </a:spcBef>
              <a:buNone/>
              <a:defRPr sz="1800">
                <a:solidFill>
                  <a:srgbClr val="888888"/>
                </a:solidFill>
                <a:latin typeface="Calibri"/>
                <a:ea typeface="Calibri"/>
                <a:cs typeface="Calibri"/>
                <a:sym typeface="Calibri"/>
              </a:defRPr>
            </a:lvl1pPr>
            <a:lvl2pPr marL="0" marR="0" lvl="1" indent="0" algn="r" rtl="0">
              <a:spcBef>
                <a:spcPts val="0"/>
              </a:spcBef>
              <a:buNone/>
              <a:defRPr sz="1800">
                <a:solidFill>
                  <a:srgbClr val="888888"/>
                </a:solidFill>
                <a:latin typeface="Calibri"/>
                <a:ea typeface="Calibri"/>
                <a:cs typeface="Calibri"/>
                <a:sym typeface="Calibri"/>
              </a:defRPr>
            </a:lvl2pPr>
            <a:lvl3pPr marL="0" marR="0" lvl="2" indent="0" algn="r" rtl="0">
              <a:spcBef>
                <a:spcPts val="0"/>
              </a:spcBef>
              <a:buNone/>
              <a:defRPr sz="1800">
                <a:solidFill>
                  <a:srgbClr val="888888"/>
                </a:solidFill>
                <a:latin typeface="Calibri"/>
                <a:ea typeface="Calibri"/>
                <a:cs typeface="Calibri"/>
                <a:sym typeface="Calibri"/>
              </a:defRPr>
            </a:lvl3pPr>
            <a:lvl4pPr marL="0" marR="0" lvl="3" indent="0" algn="r" rtl="0">
              <a:spcBef>
                <a:spcPts val="0"/>
              </a:spcBef>
              <a:buNone/>
              <a:defRPr sz="1800">
                <a:solidFill>
                  <a:srgbClr val="888888"/>
                </a:solidFill>
                <a:latin typeface="Calibri"/>
                <a:ea typeface="Calibri"/>
                <a:cs typeface="Calibri"/>
                <a:sym typeface="Calibri"/>
              </a:defRPr>
            </a:lvl4pPr>
            <a:lvl5pPr marL="0" marR="0" lvl="4" indent="0" algn="r" rtl="0">
              <a:spcBef>
                <a:spcPts val="0"/>
              </a:spcBef>
              <a:buNone/>
              <a:defRPr sz="1800">
                <a:solidFill>
                  <a:srgbClr val="888888"/>
                </a:solidFill>
                <a:latin typeface="Calibri"/>
                <a:ea typeface="Calibri"/>
                <a:cs typeface="Calibri"/>
                <a:sym typeface="Calibri"/>
              </a:defRPr>
            </a:lvl5pPr>
            <a:lvl6pPr marL="0" marR="0" lvl="5" indent="0" algn="r" rtl="0">
              <a:spcBef>
                <a:spcPts val="0"/>
              </a:spcBef>
              <a:buNone/>
              <a:defRPr sz="1800">
                <a:solidFill>
                  <a:srgbClr val="888888"/>
                </a:solidFill>
                <a:latin typeface="Calibri"/>
                <a:ea typeface="Calibri"/>
                <a:cs typeface="Calibri"/>
                <a:sym typeface="Calibri"/>
              </a:defRPr>
            </a:lvl6pPr>
            <a:lvl7pPr marL="0" marR="0" lvl="6" indent="0" algn="r" rtl="0">
              <a:spcBef>
                <a:spcPts val="0"/>
              </a:spcBef>
              <a:buNone/>
              <a:defRPr sz="1800">
                <a:solidFill>
                  <a:srgbClr val="888888"/>
                </a:solidFill>
                <a:latin typeface="Calibri"/>
                <a:ea typeface="Calibri"/>
                <a:cs typeface="Calibri"/>
                <a:sym typeface="Calibri"/>
              </a:defRPr>
            </a:lvl7pPr>
            <a:lvl8pPr marL="0" marR="0" lvl="7" indent="0" algn="r" rtl="0">
              <a:spcBef>
                <a:spcPts val="0"/>
              </a:spcBef>
              <a:buNone/>
              <a:defRPr sz="1800">
                <a:solidFill>
                  <a:srgbClr val="888888"/>
                </a:solidFill>
                <a:latin typeface="Calibri"/>
                <a:ea typeface="Calibri"/>
                <a:cs typeface="Calibri"/>
                <a:sym typeface="Calibri"/>
              </a:defRPr>
            </a:lvl8pPr>
            <a:lvl9pPr marL="0" marR="0" lvl="8" indent="0" algn="r" rtl="0">
              <a:spcBef>
                <a:spcPts val="0"/>
              </a:spcBef>
              <a:buNone/>
              <a:defRPr sz="1800">
                <a:solidFill>
                  <a:srgbClr val="888888"/>
                </a:solidFill>
                <a:latin typeface="Calibri"/>
                <a:ea typeface="Calibri"/>
                <a:cs typeface="Calibri"/>
                <a:sym typeface="Calibri"/>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fld id="{DD6B0BE3-79B2-4C48-BEC6-CF1237735459}"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spTree>
    <p:extLst>
      <p:ext uri="{BB962C8B-B14F-4D97-AF65-F5344CB8AC3E}">
        <p14:creationId xmlns:p14="http://schemas.microsoft.com/office/powerpoint/2010/main" val="10580435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matchingName="Two Content 1" type="twoObj">
  <p:cSld name="Two Content 1">
    <p:spTree>
      <p:nvGrpSpPr>
        <p:cNvPr id="1" name="Shape 28"/>
        <p:cNvGrpSpPr/>
        <p:nvPr/>
      </p:nvGrpSpPr>
      <p:grpSpPr>
        <a:xfrm>
          <a:off x="0" y="0"/>
          <a:ext cx="0" cy="0"/>
          <a:chOff x="0" y="0"/>
          <a:chExt cx="0" cy="0"/>
        </a:xfrm>
      </p:grpSpPr>
      <p:sp>
        <p:nvSpPr>
          <p:cNvPr id="29" name="Google Shape;29;p4"/>
          <p:cNvSpPr txBox="1">
            <a:spLocks noGrp="1"/>
          </p:cNvSpPr>
          <p:nvPr>
            <p:ph type="title"/>
          </p:nvPr>
        </p:nvSpPr>
        <p:spPr>
          <a:xfrm>
            <a:off x="457200" y="274637"/>
            <a:ext cx="8229600" cy="1143000"/>
          </a:xfrm>
          <a:prstGeom prst="rect">
            <a:avLst/>
          </a:prstGeom>
          <a:noFill/>
          <a:ln>
            <a:noFill/>
          </a:ln>
        </p:spPr>
        <p:txBody>
          <a:bodyPr spcFirstLastPara="1" wrap="square" lIns="91425" tIns="91425" rIns="91425" bIns="91425" anchor="ctr" anchorCtr="0"/>
          <a:lstStyle>
            <a:lvl1pPr marR="0" lvl="0" algn="ctr" rtl="0">
              <a:lnSpc>
                <a:spcPct val="100000"/>
              </a:lnSpc>
              <a:spcBef>
                <a:spcPts val="0"/>
              </a:spcBef>
              <a:spcAft>
                <a:spcPts val="0"/>
              </a:spcAft>
              <a:buClr>
                <a:schemeClr val="dk1"/>
              </a:buClr>
              <a:buSzPts val="4400"/>
              <a:buFont typeface="Calibri"/>
              <a:buNone/>
              <a:defRPr sz="4400" b="0" i="0" u="none" strike="noStrike" cap="none">
                <a:solidFill>
                  <a:schemeClr val="dk1"/>
                </a:solidFill>
                <a:latin typeface="Calibri"/>
                <a:ea typeface="Calibri"/>
                <a:cs typeface="Calibri"/>
                <a:sym typeface="Calibri"/>
              </a:defRPr>
            </a:lvl1pPr>
            <a:lvl2pPr lvl="1" rtl="0">
              <a:spcBef>
                <a:spcPts val="0"/>
              </a:spcBef>
              <a:spcAft>
                <a:spcPts val="0"/>
              </a:spcAft>
              <a:buSzPts val="1800"/>
              <a:buFont typeface="Arial"/>
              <a:buNone/>
              <a:defRPr sz="1800"/>
            </a:lvl2pPr>
            <a:lvl3pPr lvl="2" rtl="0">
              <a:spcBef>
                <a:spcPts val="0"/>
              </a:spcBef>
              <a:spcAft>
                <a:spcPts val="0"/>
              </a:spcAft>
              <a:buSzPts val="1800"/>
              <a:buFont typeface="Arial"/>
              <a:buNone/>
              <a:defRPr sz="1800"/>
            </a:lvl3pPr>
            <a:lvl4pPr lvl="3" rtl="0">
              <a:spcBef>
                <a:spcPts val="0"/>
              </a:spcBef>
              <a:spcAft>
                <a:spcPts val="0"/>
              </a:spcAft>
              <a:buSzPts val="1800"/>
              <a:buFont typeface="Arial"/>
              <a:buNone/>
              <a:defRPr sz="1800"/>
            </a:lvl4pPr>
            <a:lvl5pPr lvl="4" rtl="0">
              <a:spcBef>
                <a:spcPts val="0"/>
              </a:spcBef>
              <a:spcAft>
                <a:spcPts val="0"/>
              </a:spcAft>
              <a:buSzPts val="1800"/>
              <a:buFont typeface="Arial"/>
              <a:buNone/>
              <a:defRPr sz="1800"/>
            </a:lvl5pPr>
            <a:lvl6pPr lvl="5" rtl="0">
              <a:spcBef>
                <a:spcPts val="0"/>
              </a:spcBef>
              <a:spcAft>
                <a:spcPts val="0"/>
              </a:spcAft>
              <a:buSzPts val="1800"/>
              <a:buFont typeface="Arial"/>
              <a:buNone/>
              <a:defRPr sz="1800"/>
            </a:lvl6pPr>
            <a:lvl7pPr lvl="6" rtl="0">
              <a:spcBef>
                <a:spcPts val="0"/>
              </a:spcBef>
              <a:spcAft>
                <a:spcPts val="0"/>
              </a:spcAft>
              <a:buSzPts val="1800"/>
              <a:buFont typeface="Arial"/>
              <a:buNone/>
              <a:defRPr sz="1800"/>
            </a:lvl7pPr>
            <a:lvl8pPr lvl="7" rtl="0">
              <a:spcBef>
                <a:spcPts val="0"/>
              </a:spcBef>
              <a:spcAft>
                <a:spcPts val="0"/>
              </a:spcAft>
              <a:buSzPts val="1800"/>
              <a:buFont typeface="Arial"/>
              <a:buNone/>
              <a:defRPr sz="1800"/>
            </a:lvl8pPr>
            <a:lvl9pPr lvl="8" rtl="0">
              <a:spcBef>
                <a:spcPts val="0"/>
              </a:spcBef>
              <a:spcAft>
                <a:spcPts val="0"/>
              </a:spcAft>
              <a:buSzPts val="1800"/>
              <a:buFont typeface="Arial"/>
              <a:buNone/>
              <a:defRPr sz="1800"/>
            </a:lvl9pPr>
          </a:lstStyle>
          <a:p>
            <a:r>
              <a:rPr lang="en-US"/>
              <a:t>Click to edit Master title style</a:t>
            </a:r>
            <a:endParaRPr/>
          </a:p>
        </p:txBody>
      </p:sp>
      <p:sp>
        <p:nvSpPr>
          <p:cNvPr id="30" name="Google Shape;30;p4"/>
          <p:cNvSpPr txBox="1">
            <a:spLocks noGrp="1"/>
          </p:cNvSpPr>
          <p:nvPr>
            <p:ph type="body" idx="1"/>
          </p:nvPr>
        </p:nvSpPr>
        <p:spPr>
          <a:xfrm>
            <a:off x="457200" y="1600200"/>
            <a:ext cx="4038600" cy="4526100"/>
          </a:xfrm>
          <a:prstGeom prst="rect">
            <a:avLst/>
          </a:prstGeom>
          <a:noFill/>
          <a:ln>
            <a:noFill/>
          </a:ln>
        </p:spPr>
        <p:txBody>
          <a:bodyPr spcFirstLastPara="1" wrap="square" lIns="91425" tIns="91425" rIns="91425" bIns="91425" anchor="t" anchorCtr="0"/>
          <a:lstStyle>
            <a:lvl1pPr marL="457200" marR="0" lvl="0" indent="-406400" algn="l" rtl="0">
              <a:lnSpc>
                <a:spcPct val="100000"/>
              </a:lnSpc>
              <a:spcBef>
                <a:spcPts val="560"/>
              </a:spcBef>
              <a:spcAft>
                <a:spcPts val="0"/>
              </a:spcAft>
              <a:buClr>
                <a:schemeClr val="dk1"/>
              </a:buClr>
              <a:buSzPts val="2800"/>
              <a:buFont typeface="Arial"/>
              <a:buChar char="•"/>
              <a:defRPr sz="2800" b="0" i="0" u="none" strike="noStrike" cap="none">
                <a:solidFill>
                  <a:schemeClr val="dk1"/>
                </a:solidFill>
                <a:latin typeface="Calibri"/>
                <a:ea typeface="Calibri"/>
                <a:cs typeface="Calibri"/>
                <a:sym typeface="Calibri"/>
              </a:defRPr>
            </a:lvl1pPr>
            <a:lvl2pPr marL="914400" marR="0" lvl="1" indent="-381000" algn="l" rtl="0">
              <a:lnSpc>
                <a:spcPct val="100000"/>
              </a:lnSpc>
              <a:spcBef>
                <a:spcPts val="480"/>
              </a:spcBef>
              <a:spcAft>
                <a:spcPts val="0"/>
              </a:spcAft>
              <a:buClr>
                <a:schemeClr val="dk1"/>
              </a:buClr>
              <a:buSzPts val="2400"/>
              <a:buFont typeface="Arial"/>
              <a:buChar char="–"/>
              <a:defRPr sz="2400" b="0" i="0" u="none" strike="noStrike" cap="none">
                <a:solidFill>
                  <a:schemeClr val="dk1"/>
                </a:solidFill>
                <a:latin typeface="Calibri"/>
                <a:ea typeface="Calibri"/>
                <a:cs typeface="Calibri"/>
                <a:sym typeface="Calibri"/>
              </a:defRPr>
            </a:lvl2pPr>
            <a:lvl3pPr marL="1371600" marR="0" lvl="2"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3pPr>
            <a:lvl4pPr marL="1828800" marR="0" lvl="3"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4pPr>
            <a:lvl5pPr marL="2286000" marR="0" lvl="4"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5pPr>
            <a:lvl6pPr marL="2743200" marR="0" lvl="5"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31" name="Google Shape;31;p4"/>
          <p:cNvSpPr txBox="1">
            <a:spLocks noGrp="1"/>
          </p:cNvSpPr>
          <p:nvPr>
            <p:ph type="body" idx="2"/>
          </p:nvPr>
        </p:nvSpPr>
        <p:spPr>
          <a:xfrm>
            <a:off x="4648200" y="1600200"/>
            <a:ext cx="4038600" cy="4526100"/>
          </a:xfrm>
          <a:prstGeom prst="rect">
            <a:avLst/>
          </a:prstGeom>
          <a:noFill/>
          <a:ln>
            <a:noFill/>
          </a:ln>
        </p:spPr>
        <p:txBody>
          <a:bodyPr spcFirstLastPara="1" wrap="square" lIns="91425" tIns="91425" rIns="91425" bIns="91425" anchor="t" anchorCtr="0"/>
          <a:lstStyle>
            <a:lvl1pPr marL="457200" marR="0" lvl="0" indent="-406400" algn="l" rtl="0">
              <a:lnSpc>
                <a:spcPct val="100000"/>
              </a:lnSpc>
              <a:spcBef>
                <a:spcPts val="560"/>
              </a:spcBef>
              <a:spcAft>
                <a:spcPts val="0"/>
              </a:spcAft>
              <a:buClr>
                <a:schemeClr val="dk1"/>
              </a:buClr>
              <a:buSzPts val="2800"/>
              <a:buFont typeface="Arial"/>
              <a:buChar char="•"/>
              <a:defRPr sz="2800" b="0" i="0" u="none" strike="noStrike" cap="none">
                <a:solidFill>
                  <a:schemeClr val="dk1"/>
                </a:solidFill>
                <a:latin typeface="Calibri"/>
                <a:ea typeface="Calibri"/>
                <a:cs typeface="Calibri"/>
                <a:sym typeface="Calibri"/>
              </a:defRPr>
            </a:lvl1pPr>
            <a:lvl2pPr marL="914400" marR="0" lvl="1" indent="-381000" algn="l" rtl="0">
              <a:lnSpc>
                <a:spcPct val="100000"/>
              </a:lnSpc>
              <a:spcBef>
                <a:spcPts val="480"/>
              </a:spcBef>
              <a:spcAft>
                <a:spcPts val="0"/>
              </a:spcAft>
              <a:buClr>
                <a:schemeClr val="dk1"/>
              </a:buClr>
              <a:buSzPts val="2400"/>
              <a:buFont typeface="Arial"/>
              <a:buChar char="–"/>
              <a:defRPr sz="2400" b="0" i="0" u="none" strike="noStrike" cap="none">
                <a:solidFill>
                  <a:schemeClr val="dk1"/>
                </a:solidFill>
                <a:latin typeface="Calibri"/>
                <a:ea typeface="Calibri"/>
                <a:cs typeface="Calibri"/>
                <a:sym typeface="Calibri"/>
              </a:defRPr>
            </a:lvl2pPr>
            <a:lvl3pPr marL="1371600" marR="0" lvl="2" indent="-355600" algn="l" rtl="0">
              <a:lnSpc>
                <a:spcPct val="100000"/>
              </a:lnSpc>
              <a:spcBef>
                <a:spcPts val="400"/>
              </a:spcBef>
              <a:spcAft>
                <a:spcPts val="0"/>
              </a:spcAft>
              <a:buClr>
                <a:schemeClr val="dk1"/>
              </a:buClr>
              <a:buSzPts val="2000"/>
              <a:buFont typeface="Arial"/>
              <a:buChar char="•"/>
              <a:defRPr sz="2000" b="0" i="0" u="none" strike="noStrike" cap="none">
                <a:solidFill>
                  <a:schemeClr val="dk1"/>
                </a:solidFill>
                <a:latin typeface="Calibri"/>
                <a:ea typeface="Calibri"/>
                <a:cs typeface="Calibri"/>
                <a:sym typeface="Calibri"/>
              </a:defRPr>
            </a:lvl3pPr>
            <a:lvl4pPr marL="1828800" marR="0" lvl="3"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4pPr>
            <a:lvl5pPr marL="2286000" marR="0" lvl="4"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5pPr>
            <a:lvl6pPr marL="2743200" marR="0" lvl="5"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6pPr>
            <a:lvl7pPr marL="3200400" marR="0" lvl="6"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7pPr>
            <a:lvl8pPr marL="3657600" marR="0" lvl="7"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8pPr>
            <a:lvl9pPr marL="4114800" marR="0" lvl="8" indent="-342900" algn="l" rtl="0">
              <a:lnSpc>
                <a:spcPct val="100000"/>
              </a:lnSpc>
              <a:spcBef>
                <a:spcPts val="360"/>
              </a:spcBef>
              <a:spcAft>
                <a:spcPts val="0"/>
              </a:spcAft>
              <a:buClr>
                <a:schemeClr val="dk1"/>
              </a:buClr>
              <a:buSzPts val="1800"/>
              <a:buFont typeface="Arial"/>
              <a:buChar char="•"/>
              <a:defRPr sz="1800" b="0" i="0" u="none" strike="noStrike" cap="none">
                <a:solidFill>
                  <a:schemeClr val="dk1"/>
                </a:solidFill>
                <a:latin typeface="Calibri"/>
                <a:ea typeface="Calibri"/>
                <a:cs typeface="Calibri"/>
                <a:sym typeface="Calibri"/>
              </a:defRPr>
            </a:lvl9pPr>
          </a:lstStyle>
          <a:p>
            <a:pPr lvl="0"/>
            <a:r>
              <a:rPr lang="en-US"/>
              <a:t>Edit Master text styles</a:t>
            </a:r>
          </a:p>
        </p:txBody>
      </p:sp>
      <p:sp>
        <p:nvSpPr>
          <p:cNvPr id="32" name="Google Shape;32;p4"/>
          <p:cNvSpPr txBox="1">
            <a:spLocks noGrp="1"/>
          </p:cNvSpPr>
          <p:nvPr>
            <p:ph type="dt" idx="10"/>
          </p:nvPr>
        </p:nvSpPr>
        <p:spPr>
          <a:xfrm>
            <a:off x="457200" y="6356350"/>
            <a:ext cx="2133600" cy="365100"/>
          </a:xfrm>
          <a:prstGeom prst="rect">
            <a:avLst/>
          </a:prstGeom>
          <a:noFill/>
          <a:ln>
            <a:noFill/>
          </a:ln>
        </p:spPr>
        <p:txBody>
          <a:bodyPr spcFirstLastPara="1" wrap="square" lIns="91425" tIns="91425" rIns="91425" bIns="91425" anchor="ctr" anchorCtr="0"/>
          <a:lstStyle>
            <a:lvl1pPr marR="0" lvl="0" algn="l" rtl="0">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endParaRPr/>
          </a:p>
        </p:txBody>
      </p:sp>
      <p:sp>
        <p:nvSpPr>
          <p:cNvPr id="33" name="Google Shape;33;p4"/>
          <p:cNvSpPr txBox="1">
            <a:spLocks noGrp="1"/>
          </p:cNvSpPr>
          <p:nvPr>
            <p:ph type="ftr" idx="11"/>
          </p:nvPr>
        </p:nvSpPr>
        <p:spPr>
          <a:xfrm>
            <a:off x="3124200" y="6356350"/>
            <a:ext cx="2895600" cy="365100"/>
          </a:xfrm>
          <a:prstGeom prst="rect">
            <a:avLst/>
          </a:prstGeom>
          <a:noFill/>
          <a:ln>
            <a:noFill/>
          </a:ln>
        </p:spPr>
        <p:txBody>
          <a:bodyPr spcFirstLastPara="1" wrap="square" lIns="91425" tIns="91425" rIns="91425" bIns="91425" anchor="ctr" anchorCtr="0"/>
          <a:lstStyle>
            <a:lvl1pPr marR="0" lvl="0" algn="ctr" rtl="0">
              <a:spcBef>
                <a:spcPts val="0"/>
              </a:spcBef>
              <a:spcAft>
                <a:spcPts val="0"/>
              </a:spcAft>
              <a:buClr>
                <a:srgbClr val="888888"/>
              </a:buClr>
              <a:buSzPts val="1200"/>
              <a:buFont typeface="Calibri"/>
              <a:buNone/>
              <a:defRPr sz="1200" b="0" i="0" u="none" strike="noStrike" cap="none">
                <a:solidFill>
                  <a:srgbClr val="888888"/>
                </a:solidFill>
                <a:latin typeface="Calibri"/>
                <a:ea typeface="Calibri"/>
                <a:cs typeface="Calibri"/>
                <a:sym typeface="Calibri"/>
              </a:defRPr>
            </a:lvl1pPr>
            <a:lvl2pPr marR="0" lvl="1"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Clr>
                <a:schemeClr val="dk1"/>
              </a:buClr>
              <a:buSzPts val="1800"/>
              <a:buFont typeface="Calibri"/>
              <a:buNone/>
              <a:defRPr sz="1800" b="0" i="0" u="none" strike="noStrike" cap="none">
                <a:solidFill>
                  <a:schemeClr val="dk1"/>
                </a:solidFill>
                <a:latin typeface="Calibri"/>
                <a:ea typeface="Calibri"/>
                <a:cs typeface="Calibri"/>
                <a:sym typeface="Calibri"/>
              </a:defRPr>
            </a:lvl9pPr>
          </a:lstStyle>
          <a:p>
            <a:pPr fontAlgn="base">
              <a:spcBef>
                <a:spcPct val="0"/>
              </a:spcBef>
              <a:spcAft>
                <a:spcPct val="0"/>
              </a:spcAft>
              <a:defRPr/>
            </a:pPr>
            <a:endParaRPr lang="en-US" dirty="0">
              <a:latin typeface="Arial" charset="0"/>
              <a:cs typeface="Arial" charset="0"/>
            </a:endParaRPr>
          </a:p>
        </p:txBody>
      </p:sp>
    </p:spTree>
    <p:extLst>
      <p:ext uri="{BB962C8B-B14F-4D97-AF65-F5344CB8AC3E}">
        <p14:creationId xmlns:p14="http://schemas.microsoft.com/office/powerpoint/2010/main" val="1884318676"/>
      </p:ext>
    </p:extLst>
  </p:cSld>
  <p:clrMapOvr>
    <a:masterClrMapping/>
  </p:clrMapOvr>
  <p:hf hdr="0" ftr="0" dt="0"/>
</p:sldLayout>
</file>

<file path=ppt/slideLayouts/slideLayout6.xml><?xml version="1.0" encoding="utf-8"?>
<p:sldLayout xmlns:a="http://schemas.openxmlformats.org/drawingml/2006/main" xmlns:r="http://schemas.openxmlformats.org/officeDocument/2006/relationships" xmlns:p="http://schemas.openxmlformats.org/presentationml/2006/main" matchingName="Two Content">
  <p:cSld name="Two Content">
    <p:spTree>
      <p:nvGrpSpPr>
        <p:cNvPr id="1" name="Shape 34"/>
        <p:cNvGrpSpPr/>
        <p:nvPr/>
      </p:nvGrpSpPr>
      <p:grpSpPr>
        <a:xfrm>
          <a:off x="0" y="0"/>
          <a:ext cx="0" cy="0"/>
          <a:chOff x="0" y="0"/>
          <a:chExt cx="0" cy="0"/>
        </a:xfrm>
      </p:grpSpPr>
      <p:sp>
        <p:nvSpPr>
          <p:cNvPr id="35" name="Google Shape;35;p5"/>
          <p:cNvSpPr txBox="1">
            <a:spLocks noGrp="1"/>
          </p:cNvSpPr>
          <p:nvPr>
            <p:ph type="title"/>
          </p:nvPr>
        </p:nvSpPr>
        <p:spPr>
          <a:xfrm>
            <a:off x="457205" y="274324"/>
            <a:ext cx="8229599"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b="0" i="0" u="none" strike="noStrike" cap="none">
                <a:latin typeface="Calibri"/>
                <a:ea typeface="Calibri"/>
                <a:cs typeface="Calibri"/>
                <a:sym typeface="Calibri"/>
              </a:defRPr>
            </a:lvl1pPr>
            <a:lvl2pPr lvl="1">
              <a:spcBef>
                <a:spcPts val="0"/>
              </a:spcBef>
              <a:spcAft>
                <a:spcPts val="0"/>
              </a:spcAft>
              <a:buSzPts val="1400"/>
              <a:buNone/>
              <a:defRPr sz="1800"/>
            </a:lvl2pPr>
            <a:lvl3pPr lvl="2">
              <a:spcBef>
                <a:spcPts val="0"/>
              </a:spcBef>
              <a:spcAft>
                <a:spcPts val="0"/>
              </a:spcAft>
              <a:buSzPts val="1400"/>
              <a:buNone/>
              <a:defRPr sz="1800"/>
            </a:lvl3pPr>
            <a:lvl4pPr lvl="3">
              <a:spcBef>
                <a:spcPts val="0"/>
              </a:spcBef>
              <a:spcAft>
                <a:spcPts val="0"/>
              </a:spcAft>
              <a:buSzPts val="1400"/>
              <a:buNone/>
              <a:defRPr sz="1800"/>
            </a:lvl4pPr>
            <a:lvl5pPr lvl="4">
              <a:spcBef>
                <a:spcPts val="0"/>
              </a:spcBef>
              <a:spcAft>
                <a:spcPts val="0"/>
              </a:spcAft>
              <a:buSzPts val="1400"/>
              <a:buNone/>
              <a:defRPr sz="1800"/>
            </a:lvl5pPr>
            <a:lvl6pPr lvl="5">
              <a:spcBef>
                <a:spcPts val="0"/>
              </a:spcBef>
              <a:spcAft>
                <a:spcPts val="0"/>
              </a:spcAft>
              <a:buSzPts val="1400"/>
              <a:buNone/>
              <a:defRPr sz="1800"/>
            </a:lvl6pPr>
            <a:lvl7pPr lvl="6">
              <a:spcBef>
                <a:spcPts val="0"/>
              </a:spcBef>
              <a:spcAft>
                <a:spcPts val="0"/>
              </a:spcAft>
              <a:buSzPts val="1400"/>
              <a:buNone/>
              <a:defRPr sz="1800"/>
            </a:lvl7pPr>
            <a:lvl8pPr lvl="7">
              <a:spcBef>
                <a:spcPts val="0"/>
              </a:spcBef>
              <a:spcAft>
                <a:spcPts val="0"/>
              </a:spcAft>
              <a:buSzPts val="1400"/>
              <a:buNone/>
              <a:defRPr sz="1800"/>
            </a:lvl8pPr>
            <a:lvl9pPr lvl="8">
              <a:spcBef>
                <a:spcPts val="0"/>
              </a:spcBef>
              <a:spcAft>
                <a:spcPts val="0"/>
              </a:spcAft>
              <a:buSzPts val="1400"/>
              <a:buNone/>
              <a:defRPr sz="1800"/>
            </a:lvl9pPr>
          </a:lstStyle>
          <a:p>
            <a:r>
              <a:rPr lang="en-US"/>
              <a:t>Click to edit Master title style</a:t>
            </a:r>
            <a:endParaRPr/>
          </a:p>
        </p:txBody>
      </p:sp>
      <p:sp>
        <p:nvSpPr>
          <p:cNvPr id="36" name="Google Shape;36;p5"/>
          <p:cNvSpPr txBox="1">
            <a:spLocks noGrp="1"/>
          </p:cNvSpPr>
          <p:nvPr>
            <p:ph type="body" idx="1"/>
          </p:nvPr>
        </p:nvSpPr>
        <p:spPr>
          <a:xfrm>
            <a:off x="457200" y="1577344"/>
            <a:ext cx="3977640" cy="276999"/>
          </a:xfrm>
          <a:prstGeom prst="rect">
            <a:avLst/>
          </a:prstGeom>
          <a:noFill/>
          <a:ln>
            <a:noFill/>
          </a:ln>
        </p:spPr>
        <p:txBody>
          <a:bodyPr spcFirstLastPara="1" wrap="square" lIns="0" tIns="0" rIns="0" bIns="0" anchor="t" anchorCtr="0"/>
          <a:lstStyle>
            <a:lvl1pPr marL="457200" marR="0" lvl="0" indent="-228600" algn="l" rtl="0">
              <a:spcBef>
                <a:spcPts val="0"/>
              </a:spcBef>
              <a:spcAft>
                <a:spcPts val="0"/>
              </a:spcAft>
              <a:buSzPts val="1400"/>
              <a:buNone/>
              <a:defRPr sz="1800" b="0" i="0" u="none" strike="noStrike" cap="none">
                <a:latin typeface="Calibri"/>
                <a:ea typeface="Calibri"/>
                <a:cs typeface="Calibri"/>
                <a:sym typeface="Calibri"/>
              </a:defRPr>
            </a:lvl1pPr>
            <a:lvl2pPr marL="914400" marR="0" lvl="1" indent="-228600" algn="l" rtl="0">
              <a:spcBef>
                <a:spcPts val="0"/>
              </a:spcBef>
              <a:spcAft>
                <a:spcPts val="0"/>
              </a:spcAft>
              <a:buSzPts val="1400"/>
              <a:buNone/>
              <a:defRPr sz="1800" b="0" i="0" u="none" strike="noStrike" cap="none">
                <a:latin typeface="Calibri"/>
                <a:ea typeface="Calibri"/>
                <a:cs typeface="Calibri"/>
                <a:sym typeface="Calibri"/>
              </a:defRPr>
            </a:lvl2pPr>
            <a:lvl3pPr marL="1371600" marR="0" lvl="2" indent="-228600" algn="l" rtl="0">
              <a:spcBef>
                <a:spcPts val="0"/>
              </a:spcBef>
              <a:spcAft>
                <a:spcPts val="0"/>
              </a:spcAft>
              <a:buSzPts val="1400"/>
              <a:buNone/>
              <a:defRPr sz="1800" b="0" i="0" u="none" strike="noStrike" cap="none">
                <a:latin typeface="Calibri"/>
                <a:ea typeface="Calibri"/>
                <a:cs typeface="Calibri"/>
                <a:sym typeface="Calibri"/>
              </a:defRPr>
            </a:lvl3pPr>
            <a:lvl4pPr marL="1828800" marR="0" lvl="3" indent="-228600" algn="l" rtl="0">
              <a:spcBef>
                <a:spcPts val="0"/>
              </a:spcBef>
              <a:spcAft>
                <a:spcPts val="0"/>
              </a:spcAft>
              <a:buSzPts val="1400"/>
              <a:buNone/>
              <a:defRPr sz="1800" b="0" i="0" u="none" strike="noStrike" cap="none">
                <a:latin typeface="Calibri"/>
                <a:ea typeface="Calibri"/>
                <a:cs typeface="Calibri"/>
                <a:sym typeface="Calibri"/>
              </a:defRPr>
            </a:lvl4pPr>
            <a:lvl5pPr marL="2286000" marR="0" lvl="4" indent="-228600" algn="l" rtl="0">
              <a:spcBef>
                <a:spcPts val="0"/>
              </a:spcBef>
              <a:spcAft>
                <a:spcPts val="0"/>
              </a:spcAft>
              <a:buSzPts val="1400"/>
              <a:buNone/>
              <a:defRPr sz="1800" b="0" i="0" u="none" strike="noStrike" cap="none">
                <a:latin typeface="Calibri"/>
                <a:ea typeface="Calibri"/>
                <a:cs typeface="Calibri"/>
                <a:sym typeface="Calibri"/>
              </a:defRPr>
            </a:lvl5pPr>
            <a:lvl6pPr marL="2743200" marR="0" lvl="5" indent="-228600" algn="l" rtl="0">
              <a:spcBef>
                <a:spcPts val="0"/>
              </a:spcBef>
              <a:spcAft>
                <a:spcPts val="0"/>
              </a:spcAft>
              <a:buSzPts val="1400"/>
              <a:buNone/>
              <a:defRPr sz="1800" b="0" i="0" u="none" strike="noStrike" cap="none">
                <a:latin typeface="Calibri"/>
                <a:ea typeface="Calibri"/>
                <a:cs typeface="Calibri"/>
                <a:sym typeface="Calibri"/>
              </a:defRPr>
            </a:lvl6pPr>
            <a:lvl7pPr marL="3200400" marR="0" lvl="6" indent="-228600" algn="l" rtl="0">
              <a:spcBef>
                <a:spcPts val="0"/>
              </a:spcBef>
              <a:spcAft>
                <a:spcPts val="0"/>
              </a:spcAft>
              <a:buSzPts val="1400"/>
              <a:buNone/>
              <a:defRPr sz="1800" b="0" i="0" u="none" strike="noStrike" cap="none">
                <a:latin typeface="Calibri"/>
                <a:ea typeface="Calibri"/>
                <a:cs typeface="Calibri"/>
                <a:sym typeface="Calibri"/>
              </a:defRPr>
            </a:lvl7pPr>
            <a:lvl8pPr marL="3657600" marR="0" lvl="7" indent="-228600" algn="l" rtl="0">
              <a:spcBef>
                <a:spcPts val="0"/>
              </a:spcBef>
              <a:spcAft>
                <a:spcPts val="0"/>
              </a:spcAft>
              <a:buSzPts val="1400"/>
              <a:buNone/>
              <a:defRPr sz="1800" b="0" i="0" u="none" strike="noStrike" cap="none">
                <a:latin typeface="Calibri"/>
                <a:ea typeface="Calibri"/>
                <a:cs typeface="Calibri"/>
                <a:sym typeface="Calibri"/>
              </a:defRPr>
            </a:lvl8pPr>
            <a:lvl9pPr marL="4114800" marR="0" lvl="8" indent="-228600" algn="l" rtl="0">
              <a:spcBef>
                <a:spcPts val="0"/>
              </a:spcBef>
              <a:spcAft>
                <a:spcPts val="0"/>
              </a:spcAft>
              <a:buSzPts val="1400"/>
              <a:buNone/>
              <a:defRPr sz="1800" b="0" i="0" u="none" strike="noStrike" cap="none">
                <a:latin typeface="Calibri"/>
                <a:ea typeface="Calibri"/>
                <a:cs typeface="Calibri"/>
                <a:sym typeface="Calibri"/>
              </a:defRPr>
            </a:lvl9pPr>
          </a:lstStyle>
          <a:p>
            <a:pPr lvl="0"/>
            <a:r>
              <a:rPr lang="en-US"/>
              <a:t>Edit Master text styles</a:t>
            </a:r>
          </a:p>
        </p:txBody>
      </p:sp>
      <p:sp>
        <p:nvSpPr>
          <p:cNvPr id="37" name="Google Shape;37;p5"/>
          <p:cNvSpPr txBox="1">
            <a:spLocks noGrp="1"/>
          </p:cNvSpPr>
          <p:nvPr>
            <p:ph type="body" idx="2"/>
          </p:nvPr>
        </p:nvSpPr>
        <p:spPr>
          <a:xfrm>
            <a:off x="4709159" y="1577344"/>
            <a:ext cx="3977640" cy="276999"/>
          </a:xfrm>
          <a:prstGeom prst="rect">
            <a:avLst/>
          </a:prstGeom>
          <a:noFill/>
          <a:ln>
            <a:noFill/>
          </a:ln>
        </p:spPr>
        <p:txBody>
          <a:bodyPr spcFirstLastPara="1" wrap="square" lIns="0" tIns="0" rIns="0" bIns="0" anchor="t" anchorCtr="0"/>
          <a:lstStyle>
            <a:lvl1pPr marL="457200" marR="0" lvl="0" indent="-228600" algn="l" rtl="0">
              <a:spcBef>
                <a:spcPts val="0"/>
              </a:spcBef>
              <a:spcAft>
                <a:spcPts val="0"/>
              </a:spcAft>
              <a:buSzPts val="1400"/>
              <a:buNone/>
              <a:defRPr sz="1800" b="0" i="0" u="none" strike="noStrike" cap="none">
                <a:latin typeface="Calibri"/>
                <a:ea typeface="Calibri"/>
                <a:cs typeface="Calibri"/>
                <a:sym typeface="Calibri"/>
              </a:defRPr>
            </a:lvl1pPr>
            <a:lvl2pPr marL="914400" marR="0" lvl="1" indent="-228600" algn="l" rtl="0">
              <a:spcBef>
                <a:spcPts val="0"/>
              </a:spcBef>
              <a:spcAft>
                <a:spcPts val="0"/>
              </a:spcAft>
              <a:buSzPts val="1400"/>
              <a:buNone/>
              <a:defRPr sz="1800" b="0" i="0" u="none" strike="noStrike" cap="none">
                <a:latin typeface="Calibri"/>
                <a:ea typeface="Calibri"/>
                <a:cs typeface="Calibri"/>
                <a:sym typeface="Calibri"/>
              </a:defRPr>
            </a:lvl2pPr>
            <a:lvl3pPr marL="1371600" marR="0" lvl="2" indent="-228600" algn="l" rtl="0">
              <a:spcBef>
                <a:spcPts val="0"/>
              </a:spcBef>
              <a:spcAft>
                <a:spcPts val="0"/>
              </a:spcAft>
              <a:buSzPts val="1400"/>
              <a:buNone/>
              <a:defRPr sz="1800" b="0" i="0" u="none" strike="noStrike" cap="none">
                <a:latin typeface="Calibri"/>
                <a:ea typeface="Calibri"/>
                <a:cs typeface="Calibri"/>
                <a:sym typeface="Calibri"/>
              </a:defRPr>
            </a:lvl3pPr>
            <a:lvl4pPr marL="1828800" marR="0" lvl="3" indent="-228600" algn="l" rtl="0">
              <a:spcBef>
                <a:spcPts val="0"/>
              </a:spcBef>
              <a:spcAft>
                <a:spcPts val="0"/>
              </a:spcAft>
              <a:buSzPts val="1400"/>
              <a:buNone/>
              <a:defRPr sz="1800" b="0" i="0" u="none" strike="noStrike" cap="none">
                <a:latin typeface="Calibri"/>
                <a:ea typeface="Calibri"/>
                <a:cs typeface="Calibri"/>
                <a:sym typeface="Calibri"/>
              </a:defRPr>
            </a:lvl4pPr>
            <a:lvl5pPr marL="2286000" marR="0" lvl="4" indent="-228600" algn="l" rtl="0">
              <a:spcBef>
                <a:spcPts val="0"/>
              </a:spcBef>
              <a:spcAft>
                <a:spcPts val="0"/>
              </a:spcAft>
              <a:buSzPts val="1400"/>
              <a:buNone/>
              <a:defRPr sz="1800" b="0" i="0" u="none" strike="noStrike" cap="none">
                <a:latin typeface="Calibri"/>
                <a:ea typeface="Calibri"/>
                <a:cs typeface="Calibri"/>
                <a:sym typeface="Calibri"/>
              </a:defRPr>
            </a:lvl5pPr>
            <a:lvl6pPr marL="2743200" marR="0" lvl="5" indent="-228600" algn="l" rtl="0">
              <a:spcBef>
                <a:spcPts val="0"/>
              </a:spcBef>
              <a:spcAft>
                <a:spcPts val="0"/>
              </a:spcAft>
              <a:buSzPts val="1400"/>
              <a:buNone/>
              <a:defRPr sz="1800" b="0" i="0" u="none" strike="noStrike" cap="none">
                <a:latin typeface="Calibri"/>
                <a:ea typeface="Calibri"/>
                <a:cs typeface="Calibri"/>
                <a:sym typeface="Calibri"/>
              </a:defRPr>
            </a:lvl6pPr>
            <a:lvl7pPr marL="3200400" marR="0" lvl="6" indent="-228600" algn="l" rtl="0">
              <a:spcBef>
                <a:spcPts val="0"/>
              </a:spcBef>
              <a:spcAft>
                <a:spcPts val="0"/>
              </a:spcAft>
              <a:buSzPts val="1400"/>
              <a:buNone/>
              <a:defRPr sz="1800" b="0" i="0" u="none" strike="noStrike" cap="none">
                <a:latin typeface="Calibri"/>
                <a:ea typeface="Calibri"/>
                <a:cs typeface="Calibri"/>
                <a:sym typeface="Calibri"/>
              </a:defRPr>
            </a:lvl7pPr>
            <a:lvl8pPr marL="3657600" marR="0" lvl="7" indent="-228600" algn="l" rtl="0">
              <a:spcBef>
                <a:spcPts val="0"/>
              </a:spcBef>
              <a:spcAft>
                <a:spcPts val="0"/>
              </a:spcAft>
              <a:buSzPts val="1400"/>
              <a:buNone/>
              <a:defRPr sz="1800" b="0" i="0" u="none" strike="noStrike" cap="none">
                <a:latin typeface="Calibri"/>
                <a:ea typeface="Calibri"/>
                <a:cs typeface="Calibri"/>
                <a:sym typeface="Calibri"/>
              </a:defRPr>
            </a:lvl8pPr>
            <a:lvl9pPr marL="4114800" marR="0" lvl="8" indent="-228600" algn="l" rtl="0">
              <a:spcBef>
                <a:spcPts val="0"/>
              </a:spcBef>
              <a:spcAft>
                <a:spcPts val="0"/>
              </a:spcAft>
              <a:buSzPts val="1400"/>
              <a:buNone/>
              <a:defRPr sz="1800" b="0" i="0" u="none" strike="noStrike" cap="none">
                <a:latin typeface="Calibri"/>
                <a:ea typeface="Calibri"/>
                <a:cs typeface="Calibri"/>
                <a:sym typeface="Calibri"/>
              </a:defRPr>
            </a:lvl9pPr>
          </a:lstStyle>
          <a:p>
            <a:pPr lvl="0"/>
            <a:r>
              <a:rPr lang="en-US"/>
              <a:t>Edit Master text styles</a:t>
            </a:r>
          </a:p>
        </p:txBody>
      </p:sp>
      <p:sp>
        <p:nvSpPr>
          <p:cNvPr id="38" name="Google Shape;38;p5"/>
          <p:cNvSpPr txBox="1">
            <a:spLocks noGrp="1"/>
          </p:cNvSpPr>
          <p:nvPr>
            <p:ph type="ftr" idx="11"/>
          </p:nvPr>
        </p:nvSpPr>
        <p:spPr>
          <a:xfrm>
            <a:off x="3108965" y="6377942"/>
            <a:ext cx="2926079" cy="276999"/>
          </a:xfrm>
          <a:prstGeom prst="rect">
            <a:avLst/>
          </a:prstGeom>
          <a:noFill/>
          <a:ln>
            <a:noFill/>
          </a:ln>
        </p:spPr>
        <p:txBody>
          <a:bodyPr spcFirstLastPara="1" wrap="square" lIns="0" tIns="0" rIns="0" bIns="0" anchor="t" anchorCtr="0"/>
          <a:lstStyle>
            <a:lvl1pPr marR="0" lvl="0" algn="ctr"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pPr fontAlgn="base">
              <a:spcBef>
                <a:spcPct val="0"/>
              </a:spcBef>
              <a:spcAft>
                <a:spcPct val="0"/>
              </a:spcAft>
              <a:defRPr/>
            </a:pPr>
            <a:endParaRPr lang="en-US" dirty="0">
              <a:latin typeface="Arial" charset="0"/>
              <a:cs typeface="Arial" charset="0"/>
            </a:endParaRPr>
          </a:p>
        </p:txBody>
      </p:sp>
      <p:sp>
        <p:nvSpPr>
          <p:cNvPr id="39" name="Google Shape;39;p5"/>
          <p:cNvSpPr txBox="1">
            <a:spLocks noGrp="1"/>
          </p:cNvSpPr>
          <p:nvPr>
            <p:ph type="dt" idx="10"/>
          </p:nvPr>
        </p:nvSpPr>
        <p:spPr>
          <a:xfrm>
            <a:off x="457200" y="6377942"/>
            <a:ext cx="2103120"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endParaRPr/>
          </a:p>
        </p:txBody>
      </p:sp>
      <p:sp>
        <p:nvSpPr>
          <p:cNvPr id="40" name="Google Shape;40;p5"/>
          <p:cNvSpPr txBox="1">
            <a:spLocks noGrp="1"/>
          </p:cNvSpPr>
          <p:nvPr>
            <p:ph type="sldNum" idx="12"/>
          </p:nvPr>
        </p:nvSpPr>
        <p:spPr>
          <a:xfrm>
            <a:off x="6583680" y="6377942"/>
            <a:ext cx="2103120" cy="276999"/>
          </a:xfrm>
          <a:prstGeom prst="rect">
            <a:avLst/>
          </a:prstGeom>
          <a:noFill/>
          <a:ln>
            <a:noFill/>
          </a:ln>
        </p:spPr>
        <p:txBody>
          <a:bodyPr spcFirstLastPara="1" wrap="square" lIns="0" tIns="0" rIns="0" bIns="0" anchor="t" anchorCtr="0">
            <a:noAutofit/>
          </a:bodyPr>
          <a:lstStyle>
            <a:lvl1pPr marL="0" marR="0" lvl="0" indent="0" algn="r" rtl="0">
              <a:spcBef>
                <a:spcPts val="0"/>
              </a:spcBef>
              <a:buNone/>
              <a:defRPr sz="1800">
                <a:solidFill>
                  <a:srgbClr val="888888"/>
                </a:solidFill>
                <a:latin typeface="Calibri"/>
                <a:ea typeface="Calibri"/>
                <a:cs typeface="Calibri"/>
                <a:sym typeface="Calibri"/>
              </a:defRPr>
            </a:lvl1pPr>
            <a:lvl2pPr marL="0" marR="0" lvl="1" indent="0" algn="r" rtl="0">
              <a:spcBef>
                <a:spcPts val="0"/>
              </a:spcBef>
              <a:buNone/>
              <a:defRPr sz="1800">
                <a:solidFill>
                  <a:srgbClr val="888888"/>
                </a:solidFill>
                <a:latin typeface="Calibri"/>
                <a:ea typeface="Calibri"/>
                <a:cs typeface="Calibri"/>
                <a:sym typeface="Calibri"/>
              </a:defRPr>
            </a:lvl2pPr>
            <a:lvl3pPr marL="0" marR="0" lvl="2" indent="0" algn="r" rtl="0">
              <a:spcBef>
                <a:spcPts val="0"/>
              </a:spcBef>
              <a:buNone/>
              <a:defRPr sz="1800">
                <a:solidFill>
                  <a:srgbClr val="888888"/>
                </a:solidFill>
                <a:latin typeface="Calibri"/>
                <a:ea typeface="Calibri"/>
                <a:cs typeface="Calibri"/>
                <a:sym typeface="Calibri"/>
              </a:defRPr>
            </a:lvl3pPr>
            <a:lvl4pPr marL="0" marR="0" lvl="3" indent="0" algn="r" rtl="0">
              <a:spcBef>
                <a:spcPts val="0"/>
              </a:spcBef>
              <a:buNone/>
              <a:defRPr sz="1800">
                <a:solidFill>
                  <a:srgbClr val="888888"/>
                </a:solidFill>
                <a:latin typeface="Calibri"/>
                <a:ea typeface="Calibri"/>
                <a:cs typeface="Calibri"/>
                <a:sym typeface="Calibri"/>
              </a:defRPr>
            </a:lvl4pPr>
            <a:lvl5pPr marL="0" marR="0" lvl="4" indent="0" algn="r" rtl="0">
              <a:spcBef>
                <a:spcPts val="0"/>
              </a:spcBef>
              <a:buNone/>
              <a:defRPr sz="1800">
                <a:solidFill>
                  <a:srgbClr val="888888"/>
                </a:solidFill>
                <a:latin typeface="Calibri"/>
                <a:ea typeface="Calibri"/>
                <a:cs typeface="Calibri"/>
                <a:sym typeface="Calibri"/>
              </a:defRPr>
            </a:lvl5pPr>
            <a:lvl6pPr marL="0" marR="0" lvl="5" indent="0" algn="r" rtl="0">
              <a:spcBef>
                <a:spcPts val="0"/>
              </a:spcBef>
              <a:buNone/>
              <a:defRPr sz="1800">
                <a:solidFill>
                  <a:srgbClr val="888888"/>
                </a:solidFill>
                <a:latin typeface="Calibri"/>
                <a:ea typeface="Calibri"/>
                <a:cs typeface="Calibri"/>
                <a:sym typeface="Calibri"/>
              </a:defRPr>
            </a:lvl6pPr>
            <a:lvl7pPr marL="0" marR="0" lvl="6" indent="0" algn="r" rtl="0">
              <a:spcBef>
                <a:spcPts val="0"/>
              </a:spcBef>
              <a:buNone/>
              <a:defRPr sz="1800">
                <a:solidFill>
                  <a:srgbClr val="888888"/>
                </a:solidFill>
                <a:latin typeface="Calibri"/>
                <a:ea typeface="Calibri"/>
                <a:cs typeface="Calibri"/>
                <a:sym typeface="Calibri"/>
              </a:defRPr>
            </a:lvl7pPr>
            <a:lvl8pPr marL="0" marR="0" lvl="7" indent="0" algn="r" rtl="0">
              <a:spcBef>
                <a:spcPts val="0"/>
              </a:spcBef>
              <a:buNone/>
              <a:defRPr sz="1800">
                <a:solidFill>
                  <a:srgbClr val="888888"/>
                </a:solidFill>
                <a:latin typeface="Calibri"/>
                <a:ea typeface="Calibri"/>
                <a:cs typeface="Calibri"/>
                <a:sym typeface="Calibri"/>
              </a:defRPr>
            </a:lvl8pPr>
            <a:lvl9pPr marL="0" marR="0" lvl="8" indent="0" algn="r" rtl="0">
              <a:spcBef>
                <a:spcPts val="0"/>
              </a:spcBef>
              <a:buNone/>
              <a:defRPr sz="1800">
                <a:solidFill>
                  <a:srgbClr val="888888"/>
                </a:solidFill>
                <a:latin typeface="Calibri"/>
                <a:ea typeface="Calibri"/>
                <a:cs typeface="Calibri"/>
                <a:sym typeface="Calibri"/>
              </a:defRPr>
            </a:lvl9pPr>
          </a:lstStyle>
          <a:p>
            <a:pPr fontAlgn="base">
              <a:spcBef>
                <a:spcPct val="0"/>
              </a:spcBef>
              <a:spcAft>
                <a:spcPct val="0"/>
              </a:spcAft>
              <a:defRPr/>
            </a:pPr>
            <a:fld id="{34E1B572-C58B-42F9-96A6-2D71188A3B66}" type="slidenum">
              <a:rPr lang="en-US" smtClean="0">
                <a:latin typeface="Arial" charset="0"/>
                <a:cs typeface="Arial" charset="0"/>
              </a:rPr>
              <a:pPr fontAlgn="base">
                <a:spcBef>
                  <a:spcPct val="0"/>
                </a:spcBef>
                <a:spcAft>
                  <a:spcPct val="0"/>
                </a:spcAft>
                <a:defRPr/>
              </a:pPr>
              <a:t>‹#›</a:t>
            </a:fld>
            <a:endParaRPr lang="en-US" dirty="0">
              <a:latin typeface="Arial" charset="0"/>
              <a:cs typeface="Arial" charset="0"/>
            </a:endParaRPr>
          </a:p>
        </p:txBody>
      </p:sp>
    </p:spTree>
    <p:extLst>
      <p:ext uri="{BB962C8B-B14F-4D97-AF65-F5344CB8AC3E}">
        <p14:creationId xmlns:p14="http://schemas.microsoft.com/office/powerpoint/2010/main" val="2901242968"/>
      </p:ext>
    </p:extLst>
  </p:cSld>
  <p:clrMapOvr>
    <a:masterClrMapping/>
  </p:clrMapOvr>
  <p:hf hdr="0" ftr="0" dt="0"/>
</p:sldLayout>
</file>

<file path=ppt/slideLayouts/slideLayout7.xml><?xml version="1.0" encoding="utf-8"?>
<p:sldLayout xmlns:a="http://schemas.openxmlformats.org/drawingml/2006/main" xmlns:r="http://schemas.openxmlformats.org/officeDocument/2006/relationships" xmlns:p="http://schemas.openxmlformats.org/presentationml/2006/main" matchingName="Title Slide">
  <p:cSld name="Title Slide">
    <p:spTree>
      <p:nvGrpSpPr>
        <p:cNvPr id="1" name="Shape 41"/>
        <p:cNvGrpSpPr/>
        <p:nvPr/>
      </p:nvGrpSpPr>
      <p:grpSpPr>
        <a:xfrm>
          <a:off x="0" y="0"/>
          <a:ext cx="0" cy="0"/>
          <a:chOff x="0" y="0"/>
          <a:chExt cx="0" cy="0"/>
        </a:xfrm>
      </p:grpSpPr>
      <p:sp>
        <p:nvSpPr>
          <p:cNvPr id="42" name="Google Shape;42;p6"/>
          <p:cNvSpPr txBox="1">
            <a:spLocks noGrp="1"/>
          </p:cNvSpPr>
          <p:nvPr>
            <p:ph type="ctrTitle"/>
          </p:nvPr>
        </p:nvSpPr>
        <p:spPr>
          <a:xfrm>
            <a:off x="685800" y="2125985"/>
            <a:ext cx="7772400"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b="0" i="0" u="none" strike="noStrike" cap="none">
                <a:latin typeface="Calibri"/>
                <a:ea typeface="Calibri"/>
                <a:cs typeface="Calibri"/>
                <a:sym typeface="Calibri"/>
              </a:defRPr>
            </a:lvl1pPr>
            <a:lvl2pPr lvl="1">
              <a:spcBef>
                <a:spcPts val="0"/>
              </a:spcBef>
              <a:spcAft>
                <a:spcPts val="0"/>
              </a:spcAft>
              <a:buSzPts val="1400"/>
              <a:buNone/>
              <a:defRPr sz="1800"/>
            </a:lvl2pPr>
            <a:lvl3pPr lvl="2">
              <a:spcBef>
                <a:spcPts val="0"/>
              </a:spcBef>
              <a:spcAft>
                <a:spcPts val="0"/>
              </a:spcAft>
              <a:buSzPts val="1400"/>
              <a:buNone/>
              <a:defRPr sz="1800"/>
            </a:lvl3pPr>
            <a:lvl4pPr lvl="3">
              <a:spcBef>
                <a:spcPts val="0"/>
              </a:spcBef>
              <a:spcAft>
                <a:spcPts val="0"/>
              </a:spcAft>
              <a:buSzPts val="1400"/>
              <a:buNone/>
              <a:defRPr sz="1800"/>
            </a:lvl4pPr>
            <a:lvl5pPr lvl="4">
              <a:spcBef>
                <a:spcPts val="0"/>
              </a:spcBef>
              <a:spcAft>
                <a:spcPts val="0"/>
              </a:spcAft>
              <a:buSzPts val="1400"/>
              <a:buNone/>
              <a:defRPr sz="1800"/>
            </a:lvl5pPr>
            <a:lvl6pPr lvl="5">
              <a:spcBef>
                <a:spcPts val="0"/>
              </a:spcBef>
              <a:spcAft>
                <a:spcPts val="0"/>
              </a:spcAft>
              <a:buSzPts val="1400"/>
              <a:buNone/>
              <a:defRPr sz="1800"/>
            </a:lvl6pPr>
            <a:lvl7pPr lvl="6">
              <a:spcBef>
                <a:spcPts val="0"/>
              </a:spcBef>
              <a:spcAft>
                <a:spcPts val="0"/>
              </a:spcAft>
              <a:buSzPts val="1400"/>
              <a:buNone/>
              <a:defRPr sz="1800"/>
            </a:lvl7pPr>
            <a:lvl8pPr lvl="7">
              <a:spcBef>
                <a:spcPts val="0"/>
              </a:spcBef>
              <a:spcAft>
                <a:spcPts val="0"/>
              </a:spcAft>
              <a:buSzPts val="1400"/>
              <a:buNone/>
              <a:defRPr sz="1800"/>
            </a:lvl8pPr>
            <a:lvl9pPr lvl="8">
              <a:spcBef>
                <a:spcPts val="0"/>
              </a:spcBef>
              <a:spcAft>
                <a:spcPts val="0"/>
              </a:spcAft>
              <a:buSzPts val="1400"/>
              <a:buNone/>
              <a:defRPr sz="1800"/>
            </a:lvl9pPr>
          </a:lstStyle>
          <a:p>
            <a:r>
              <a:rPr lang="en-US"/>
              <a:t>Click to edit Master title style</a:t>
            </a:r>
            <a:endParaRPr/>
          </a:p>
        </p:txBody>
      </p:sp>
      <p:sp>
        <p:nvSpPr>
          <p:cNvPr id="43" name="Google Shape;43;p6"/>
          <p:cNvSpPr txBox="1">
            <a:spLocks noGrp="1"/>
          </p:cNvSpPr>
          <p:nvPr>
            <p:ph type="subTitle" idx="1"/>
          </p:nvPr>
        </p:nvSpPr>
        <p:spPr>
          <a:xfrm>
            <a:off x="1371605" y="3840484"/>
            <a:ext cx="6400799"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b="0" i="0" u="none" strike="noStrike" cap="none">
                <a:latin typeface="Calibri"/>
                <a:ea typeface="Calibri"/>
                <a:cs typeface="Calibri"/>
                <a:sym typeface="Calibri"/>
              </a:defRPr>
            </a:lvl1pPr>
            <a:lvl2pPr marR="0" lvl="1" algn="l" rtl="0">
              <a:spcBef>
                <a:spcPts val="0"/>
              </a:spcBef>
              <a:spcAft>
                <a:spcPts val="0"/>
              </a:spcAft>
              <a:buSzPts val="1400"/>
              <a:buNone/>
              <a:defRPr sz="1800" b="0" i="0" u="none" strike="noStrike" cap="none">
                <a:latin typeface="Calibri"/>
                <a:ea typeface="Calibri"/>
                <a:cs typeface="Calibri"/>
                <a:sym typeface="Calibri"/>
              </a:defRPr>
            </a:lvl2pPr>
            <a:lvl3pPr marR="0" lvl="2" algn="l" rtl="0">
              <a:spcBef>
                <a:spcPts val="0"/>
              </a:spcBef>
              <a:spcAft>
                <a:spcPts val="0"/>
              </a:spcAft>
              <a:buSzPts val="1400"/>
              <a:buNone/>
              <a:defRPr sz="1800" b="0" i="0" u="none" strike="noStrike" cap="none">
                <a:latin typeface="Calibri"/>
                <a:ea typeface="Calibri"/>
                <a:cs typeface="Calibri"/>
                <a:sym typeface="Calibri"/>
              </a:defRPr>
            </a:lvl3pPr>
            <a:lvl4pPr marR="0" lvl="3" algn="l" rtl="0">
              <a:spcBef>
                <a:spcPts val="0"/>
              </a:spcBef>
              <a:spcAft>
                <a:spcPts val="0"/>
              </a:spcAft>
              <a:buSzPts val="1400"/>
              <a:buNone/>
              <a:defRPr sz="1800" b="0" i="0" u="none" strike="noStrike" cap="none">
                <a:latin typeface="Calibri"/>
                <a:ea typeface="Calibri"/>
                <a:cs typeface="Calibri"/>
                <a:sym typeface="Calibri"/>
              </a:defRPr>
            </a:lvl4pPr>
            <a:lvl5pPr marR="0" lvl="4" algn="l" rtl="0">
              <a:spcBef>
                <a:spcPts val="0"/>
              </a:spcBef>
              <a:spcAft>
                <a:spcPts val="0"/>
              </a:spcAft>
              <a:buSzPts val="1400"/>
              <a:buNone/>
              <a:defRPr sz="1800" b="0" i="0" u="none" strike="noStrike" cap="none">
                <a:latin typeface="Calibri"/>
                <a:ea typeface="Calibri"/>
                <a:cs typeface="Calibri"/>
                <a:sym typeface="Calibri"/>
              </a:defRPr>
            </a:lvl5pPr>
            <a:lvl6pPr marR="0" lvl="5" algn="l" rtl="0">
              <a:spcBef>
                <a:spcPts val="0"/>
              </a:spcBef>
              <a:spcAft>
                <a:spcPts val="0"/>
              </a:spcAft>
              <a:buSzPts val="1400"/>
              <a:buNone/>
              <a:defRPr sz="1800" b="0" i="0" u="none" strike="noStrike" cap="none">
                <a:latin typeface="Calibri"/>
                <a:ea typeface="Calibri"/>
                <a:cs typeface="Calibri"/>
                <a:sym typeface="Calibri"/>
              </a:defRPr>
            </a:lvl6pPr>
            <a:lvl7pPr marR="0" lvl="6" algn="l" rtl="0">
              <a:spcBef>
                <a:spcPts val="0"/>
              </a:spcBef>
              <a:spcAft>
                <a:spcPts val="0"/>
              </a:spcAft>
              <a:buSzPts val="1400"/>
              <a:buNone/>
              <a:defRPr sz="1800" b="0" i="0" u="none" strike="noStrike" cap="none">
                <a:latin typeface="Calibri"/>
                <a:ea typeface="Calibri"/>
                <a:cs typeface="Calibri"/>
                <a:sym typeface="Calibri"/>
              </a:defRPr>
            </a:lvl7pPr>
            <a:lvl8pPr marR="0" lvl="7" algn="l" rtl="0">
              <a:spcBef>
                <a:spcPts val="0"/>
              </a:spcBef>
              <a:spcAft>
                <a:spcPts val="0"/>
              </a:spcAft>
              <a:buSzPts val="1400"/>
              <a:buNone/>
              <a:defRPr sz="1800" b="0" i="0" u="none" strike="noStrike" cap="none">
                <a:latin typeface="Calibri"/>
                <a:ea typeface="Calibri"/>
                <a:cs typeface="Calibri"/>
                <a:sym typeface="Calibri"/>
              </a:defRPr>
            </a:lvl8pPr>
            <a:lvl9pPr marR="0" lvl="8" algn="l" rtl="0">
              <a:spcBef>
                <a:spcPts val="0"/>
              </a:spcBef>
              <a:spcAft>
                <a:spcPts val="0"/>
              </a:spcAft>
              <a:buSzPts val="1400"/>
              <a:buNone/>
              <a:defRPr sz="1800" b="0" i="0" u="none" strike="noStrike" cap="none">
                <a:latin typeface="Calibri"/>
                <a:ea typeface="Calibri"/>
                <a:cs typeface="Calibri"/>
                <a:sym typeface="Calibri"/>
              </a:defRPr>
            </a:lvl9pPr>
          </a:lstStyle>
          <a:p>
            <a:r>
              <a:rPr lang="en-US"/>
              <a:t>Click to edit Master subtitle style</a:t>
            </a:r>
            <a:endParaRPr/>
          </a:p>
        </p:txBody>
      </p:sp>
      <p:sp>
        <p:nvSpPr>
          <p:cNvPr id="44" name="Google Shape;44;p6"/>
          <p:cNvSpPr txBox="1">
            <a:spLocks noGrp="1"/>
          </p:cNvSpPr>
          <p:nvPr>
            <p:ph type="ftr" idx="11"/>
          </p:nvPr>
        </p:nvSpPr>
        <p:spPr>
          <a:xfrm>
            <a:off x="3108965" y="6377942"/>
            <a:ext cx="2926079" cy="276999"/>
          </a:xfrm>
          <a:prstGeom prst="rect">
            <a:avLst/>
          </a:prstGeom>
          <a:noFill/>
          <a:ln>
            <a:noFill/>
          </a:ln>
        </p:spPr>
        <p:txBody>
          <a:bodyPr spcFirstLastPara="1" wrap="square" lIns="0" tIns="0" rIns="0" bIns="0" anchor="t" anchorCtr="0"/>
          <a:lstStyle>
            <a:lvl1pPr marR="0" lvl="0" algn="ctr"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EECE1"/>
              </a:solidFill>
              <a:effectLst/>
              <a:uLnTx/>
              <a:uFillTx/>
              <a:latin typeface="Calibri"/>
              <a:ea typeface="+mn-ea"/>
              <a:cs typeface="+mn-cs"/>
            </a:endParaRPr>
          </a:p>
        </p:txBody>
      </p:sp>
      <p:sp>
        <p:nvSpPr>
          <p:cNvPr id="45" name="Google Shape;45;p6"/>
          <p:cNvSpPr txBox="1">
            <a:spLocks noGrp="1"/>
          </p:cNvSpPr>
          <p:nvPr>
            <p:ph type="dt" idx="10"/>
          </p:nvPr>
        </p:nvSpPr>
        <p:spPr>
          <a:xfrm>
            <a:off x="457200" y="6377942"/>
            <a:ext cx="2103120"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endParaRPr/>
          </a:p>
        </p:txBody>
      </p:sp>
      <p:sp>
        <p:nvSpPr>
          <p:cNvPr id="46" name="Google Shape;46;p6"/>
          <p:cNvSpPr txBox="1">
            <a:spLocks noGrp="1"/>
          </p:cNvSpPr>
          <p:nvPr>
            <p:ph type="sldNum" idx="12"/>
          </p:nvPr>
        </p:nvSpPr>
        <p:spPr>
          <a:xfrm>
            <a:off x="6583680" y="6377942"/>
            <a:ext cx="2103120" cy="276999"/>
          </a:xfrm>
          <a:prstGeom prst="rect">
            <a:avLst/>
          </a:prstGeom>
          <a:noFill/>
          <a:ln>
            <a:noFill/>
          </a:ln>
        </p:spPr>
        <p:txBody>
          <a:bodyPr spcFirstLastPara="1" wrap="square" lIns="0" tIns="0" rIns="0" bIns="0" anchor="t" anchorCtr="0">
            <a:noAutofit/>
          </a:bodyPr>
          <a:lstStyle>
            <a:lvl1pPr marL="0" marR="0" lvl="0" indent="0" algn="r" rtl="0">
              <a:spcBef>
                <a:spcPts val="0"/>
              </a:spcBef>
              <a:buNone/>
              <a:defRPr sz="1800">
                <a:solidFill>
                  <a:srgbClr val="888888"/>
                </a:solidFill>
                <a:latin typeface="Calibri"/>
                <a:ea typeface="Calibri"/>
                <a:cs typeface="Calibri"/>
                <a:sym typeface="Calibri"/>
              </a:defRPr>
            </a:lvl1pPr>
            <a:lvl2pPr marL="0" marR="0" lvl="1" indent="0" algn="r" rtl="0">
              <a:spcBef>
                <a:spcPts val="0"/>
              </a:spcBef>
              <a:buNone/>
              <a:defRPr sz="1800">
                <a:solidFill>
                  <a:srgbClr val="888888"/>
                </a:solidFill>
                <a:latin typeface="Calibri"/>
                <a:ea typeface="Calibri"/>
                <a:cs typeface="Calibri"/>
                <a:sym typeface="Calibri"/>
              </a:defRPr>
            </a:lvl2pPr>
            <a:lvl3pPr marL="0" marR="0" lvl="2" indent="0" algn="r" rtl="0">
              <a:spcBef>
                <a:spcPts val="0"/>
              </a:spcBef>
              <a:buNone/>
              <a:defRPr sz="1800">
                <a:solidFill>
                  <a:srgbClr val="888888"/>
                </a:solidFill>
                <a:latin typeface="Calibri"/>
                <a:ea typeface="Calibri"/>
                <a:cs typeface="Calibri"/>
                <a:sym typeface="Calibri"/>
              </a:defRPr>
            </a:lvl3pPr>
            <a:lvl4pPr marL="0" marR="0" lvl="3" indent="0" algn="r" rtl="0">
              <a:spcBef>
                <a:spcPts val="0"/>
              </a:spcBef>
              <a:buNone/>
              <a:defRPr sz="1800">
                <a:solidFill>
                  <a:srgbClr val="888888"/>
                </a:solidFill>
                <a:latin typeface="Calibri"/>
                <a:ea typeface="Calibri"/>
                <a:cs typeface="Calibri"/>
                <a:sym typeface="Calibri"/>
              </a:defRPr>
            </a:lvl4pPr>
            <a:lvl5pPr marL="0" marR="0" lvl="4" indent="0" algn="r" rtl="0">
              <a:spcBef>
                <a:spcPts val="0"/>
              </a:spcBef>
              <a:buNone/>
              <a:defRPr sz="1800">
                <a:solidFill>
                  <a:srgbClr val="888888"/>
                </a:solidFill>
                <a:latin typeface="Calibri"/>
                <a:ea typeface="Calibri"/>
                <a:cs typeface="Calibri"/>
                <a:sym typeface="Calibri"/>
              </a:defRPr>
            </a:lvl5pPr>
            <a:lvl6pPr marL="0" marR="0" lvl="5" indent="0" algn="r" rtl="0">
              <a:spcBef>
                <a:spcPts val="0"/>
              </a:spcBef>
              <a:buNone/>
              <a:defRPr sz="1800">
                <a:solidFill>
                  <a:srgbClr val="888888"/>
                </a:solidFill>
                <a:latin typeface="Calibri"/>
                <a:ea typeface="Calibri"/>
                <a:cs typeface="Calibri"/>
                <a:sym typeface="Calibri"/>
              </a:defRPr>
            </a:lvl6pPr>
            <a:lvl7pPr marL="0" marR="0" lvl="6" indent="0" algn="r" rtl="0">
              <a:spcBef>
                <a:spcPts val="0"/>
              </a:spcBef>
              <a:buNone/>
              <a:defRPr sz="1800">
                <a:solidFill>
                  <a:srgbClr val="888888"/>
                </a:solidFill>
                <a:latin typeface="Calibri"/>
                <a:ea typeface="Calibri"/>
                <a:cs typeface="Calibri"/>
                <a:sym typeface="Calibri"/>
              </a:defRPr>
            </a:lvl7pPr>
            <a:lvl8pPr marL="0" marR="0" lvl="7" indent="0" algn="r" rtl="0">
              <a:spcBef>
                <a:spcPts val="0"/>
              </a:spcBef>
              <a:buNone/>
              <a:defRPr sz="1800">
                <a:solidFill>
                  <a:srgbClr val="888888"/>
                </a:solidFill>
                <a:latin typeface="Calibri"/>
                <a:ea typeface="Calibri"/>
                <a:cs typeface="Calibri"/>
                <a:sym typeface="Calibri"/>
              </a:defRPr>
            </a:lvl8pPr>
            <a:lvl9pPr marL="0" marR="0" lvl="8" indent="0" algn="r" rtl="0">
              <a:spcBef>
                <a:spcPts val="0"/>
              </a:spcBef>
              <a:buNone/>
              <a:defRPr sz="1800">
                <a:solidFill>
                  <a:srgbClr val="888888"/>
                </a:solidFill>
                <a:latin typeface="Calibri"/>
                <a:ea typeface="Calibri"/>
                <a:cs typeface="Calibri"/>
                <a:sym typeface="Calibri"/>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fld id="{4AE7E37C-E54D-4C39-B785-84FE15AD1659}"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spTree>
    <p:extLst>
      <p:ext uri="{BB962C8B-B14F-4D97-AF65-F5344CB8AC3E}">
        <p14:creationId xmlns:p14="http://schemas.microsoft.com/office/powerpoint/2010/main" val="347648825"/>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matchingName="Title Only">
  <p:cSld name="Title Only">
    <p:spTree>
      <p:nvGrpSpPr>
        <p:cNvPr id="1" name="Shape 47"/>
        <p:cNvGrpSpPr/>
        <p:nvPr/>
      </p:nvGrpSpPr>
      <p:grpSpPr>
        <a:xfrm>
          <a:off x="0" y="0"/>
          <a:ext cx="0" cy="0"/>
          <a:chOff x="0" y="0"/>
          <a:chExt cx="0" cy="0"/>
        </a:xfrm>
      </p:grpSpPr>
      <p:sp>
        <p:nvSpPr>
          <p:cNvPr id="48" name="Google Shape;48;p7"/>
          <p:cNvSpPr txBox="1">
            <a:spLocks noGrp="1"/>
          </p:cNvSpPr>
          <p:nvPr>
            <p:ph type="title"/>
          </p:nvPr>
        </p:nvSpPr>
        <p:spPr>
          <a:xfrm>
            <a:off x="457205" y="274324"/>
            <a:ext cx="8229599"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b="0" i="0" u="none" strike="noStrike" cap="none">
                <a:latin typeface="Calibri"/>
                <a:ea typeface="Calibri"/>
                <a:cs typeface="Calibri"/>
                <a:sym typeface="Calibri"/>
              </a:defRPr>
            </a:lvl1pPr>
            <a:lvl2pPr lvl="1">
              <a:spcBef>
                <a:spcPts val="0"/>
              </a:spcBef>
              <a:spcAft>
                <a:spcPts val="0"/>
              </a:spcAft>
              <a:buSzPts val="1400"/>
              <a:buNone/>
              <a:defRPr sz="1800"/>
            </a:lvl2pPr>
            <a:lvl3pPr lvl="2">
              <a:spcBef>
                <a:spcPts val="0"/>
              </a:spcBef>
              <a:spcAft>
                <a:spcPts val="0"/>
              </a:spcAft>
              <a:buSzPts val="1400"/>
              <a:buNone/>
              <a:defRPr sz="1800"/>
            </a:lvl3pPr>
            <a:lvl4pPr lvl="3">
              <a:spcBef>
                <a:spcPts val="0"/>
              </a:spcBef>
              <a:spcAft>
                <a:spcPts val="0"/>
              </a:spcAft>
              <a:buSzPts val="1400"/>
              <a:buNone/>
              <a:defRPr sz="1800"/>
            </a:lvl4pPr>
            <a:lvl5pPr lvl="4">
              <a:spcBef>
                <a:spcPts val="0"/>
              </a:spcBef>
              <a:spcAft>
                <a:spcPts val="0"/>
              </a:spcAft>
              <a:buSzPts val="1400"/>
              <a:buNone/>
              <a:defRPr sz="1800"/>
            </a:lvl5pPr>
            <a:lvl6pPr lvl="5">
              <a:spcBef>
                <a:spcPts val="0"/>
              </a:spcBef>
              <a:spcAft>
                <a:spcPts val="0"/>
              </a:spcAft>
              <a:buSzPts val="1400"/>
              <a:buNone/>
              <a:defRPr sz="1800"/>
            </a:lvl6pPr>
            <a:lvl7pPr lvl="6">
              <a:spcBef>
                <a:spcPts val="0"/>
              </a:spcBef>
              <a:spcAft>
                <a:spcPts val="0"/>
              </a:spcAft>
              <a:buSzPts val="1400"/>
              <a:buNone/>
              <a:defRPr sz="1800"/>
            </a:lvl7pPr>
            <a:lvl8pPr lvl="7">
              <a:spcBef>
                <a:spcPts val="0"/>
              </a:spcBef>
              <a:spcAft>
                <a:spcPts val="0"/>
              </a:spcAft>
              <a:buSzPts val="1400"/>
              <a:buNone/>
              <a:defRPr sz="1800"/>
            </a:lvl8pPr>
            <a:lvl9pPr lvl="8">
              <a:spcBef>
                <a:spcPts val="0"/>
              </a:spcBef>
              <a:spcAft>
                <a:spcPts val="0"/>
              </a:spcAft>
              <a:buSzPts val="1400"/>
              <a:buNone/>
              <a:defRPr sz="1800"/>
            </a:lvl9pPr>
          </a:lstStyle>
          <a:p>
            <a:r>
              <a:rPr lang="en-US"/>
              <a:t>Click to edit Master title style</a:t>
            </a:r>
            <a:endParaRPr/>
          </a:p>
        </p:txBody>
      </p:sp>
      <p:sp>
        <p:nvSpPr>
          <p:cNvPr id="49" name="Google Shape;49;p7"/>
          <p:cNvSpPr txBox="1">
            <a:spLocks noGrp="1"/>
          </p:cNvSpPr>
          <p:nvPr>
            <p:ph type="ftr" idx="11"/>
          </p:nvPr>
        </p:nvSpPr>
        <p:spPr>
          <a:xfrm>
            <a:off x="3108965" y="6377942"/>
            <a:ext cx="2926079" cy="276999"/>
          </a:xfrm>
          <a:prstGeom prst="rect">
            <a:avLst/>
          </a:prstGeom>
          <a:noFill/>
          <a:ln>
            <a:noFill/>
          </a:ln>
        </p:spPr>
        <p:txBody>
          <a:bodyPr spcFirstLastPara="1" wrap="square" lIns="0" tIns="0" rIns="0" bIns="0" anchor="t" anchorCtr="0"/>
          <a:lstStyle>
            <a:lvl1pPr marR="0" lvl="0" algn="ctr"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pPr fontAlgn="base">
              <a:spcBef>
                <a:spcPct val="0"/>
              </a:spcBef>
              <a:spcAft>
                <a:spcPct val="0"/>
              </a:spcAft>
              <a:defRPr/>
            </a:pPr>
            <a:endParaRPr lang="en-US" dirty="0">
              <a:latin typeface="Arial" charset="0"/>
              <a:cs typeface="Arial" charset="0"/>
            </a:endParaRPr>
          </a:p>
        </p:txBody>
      </p:sp>
      <p:sp>
        <p:nvSpPr>
          <p:cNvPr id="50" name="Google Shape;50;p7"/>
          <p:cNvSpPr txBox="1">
            <a:spLocks noGrp="1"/>
          </p:cNvSpPr>
          <p:nvPr>
            <p:ph type="dt" idx="10"/>
          </p:nvPr>
        </p:nvSpPr>
        <p:spPr>
          <a:xfrm>
            <a:off x="457200" y="6377942"/>
            <a:ext cx="2103120"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endParaRPr/>
          </a:p>
        </p:txBody>
      </p:sp>
      <p:sp>
        <p:nvSpPr>
          <p:cNvPr id="51" name="Google Shape;51;p7"/>
          <p:cNvSpPr txBox="1">
            <a:spLocks noGrp="1"/>
          </p:cNvSpPr>
          <p:nvPr>
            <p:ph type="sldNum" idx="12"/>
          </p:nvPr>
        </p:nvSpPr>
        <p:spPr>
          <a:xfrm>
            <a:off x="6583680" y="6377942"/>
            <a:ext cx="2103120" cy="276999"/>
          </a:xfrm>
          <a:prstGeom prst="rect">
            <a:avLst/>
          </a:prstGeom>
          <a:noFill/>
          <a:ln>
            <a:noFill/>
          </a:ln>
        </p:spPr>
        <p:txBody>
          <a:bodyPr spcFirstLastPara="1" wrap="square" lIns="0" tIns="0" rIns="0" bIns="0" anchor="t" anchorCtr="0">
            <a:noAutofit/>
          </a:bodyPr>
          <a:lstStyle>
            <a:lvl1pPr marL="0" marR="0" lvl="0" indent="0" algn="r" rtl="0">
              <a:spcBef>
                <a:spcPts val="0"/>
              </a:spcBef>
              <a:buNone/>
              <a:defRPr sz="1800">
                <a:solidFill>
                  <a:srgbClr val="888888"/>
                </a:solidFill>
                <a:latin typeface="Calibri"/>
                <a:ea typeface="Calibri"/>
                <a:cs typeface="Calibri"/>
                <a:sym typeface="Calibri"/>
              </a:defRPr>
            </a:lvl1pPr>
            <a:lvl2pPr marL="0" marR="0" lvl="1" indent="0" algn="r" rtl="0">
              <a:spcBef>
                <a:spcPts val="0"/>
              </a:spcBef>
              <a:buNone/>
              <a:defRPr sz="1800">
                <a:solidFill>
                  <a:srgbClr val="888888"/>
                </a:solidFill>
                <a:latin typeface="Calibri"/>
                <a:ea typeface="Calibri"/>
                <a:cs typeface="Calibri"/>
                <a:sym typeface="Calibri"/>
              </a:defRPr>
            </a:lvl2pPr>
            <a:lvl3pPr marL="0" marR="0" lvl="2" indent="0" algn="r" rtl="0">
              <a:spcBef>
                <a:spcPts val="0"/>
              </a:spcBef>
              <a:buNone/>
              <a:defRPr sz="1800">
                <a:solidFill>
                  <a:srgbClr val="888888"/>
                </a:solidFill>
                <a:latin typeface="Calibri"/>
                <a:ea typeface="Calibri"/>
                <a:cs typeface="Calibri"/>
                <a:sym typeface="Calibri"/>
              </a:defRPr>
            </a:lvl3pPr>
            <a:lvl4pPr marL="0" marR="0" lvl="3" indent="0" algn="r" rtl="0">
              <a:spcBef>
                <a:spcPts val="0"/>
              </a:spcBef>
              <a:buNone/>
              <a:defRPr sz="1800">
                <a:solidFill>
                  <a:srgbClr val="888888"/>
                </a:solidFill>
                <a:latin typeface="Calibri"/>
                <a:ea typeface="Calibri"/>
                <a:cs typeface="Calibri"/>
                <a:sym typeface="Calibri"/>
              </a:defRPr>
            </a:lvl4pPr>
            <a:lvl5pPr marL="0" marR="0" lvl="4" indent="0" algn="r" rtl="0">
              <a:spcBef>
                <a:spcPts val="0"/>
              </a:spcBef>
              <a:buNone/>
              <a:defRPr sz="1800">
                <a:solidFill>
                  <a:srgbClr val="888888"/>
                </a:solidFill>
                <a:latin typeface="Calibri"/>
                <a:ea typeface="Calibri"/>
                <a:cs typeface="Calibri"/>
                <a:sym typeface="Calibri"/>
              </a:defRPr>
            </a:lvl5pPr>
            <a:lvl6pPr marL="0" marR="0" lvl="5" indent="0" algn="r" rtl="0">
              <a:spcBef>
                <a:spcPts val="0"/>
              </a:spcBef>
              <a:buNone/>
              <a:defRPr sz="1800">
                <a:solidFill>
                  <a:srgbClr val="888888"/>
                </a:solidFill>
                <a:latin typeface="Calibri"/>
                <a:ea typeface="Calibri"/>
                <a:cs typeface="Calibri"/>
                <a:sym typeface="Calibri"/>
              </a:defRPr>
            </a:lvl6pPr>
            <a:lvl7pPr marL="0" marR="0" lvl="6" indent="0" algn="r" rtl="0">
              <a:spcBef>
                <a:spcPts val="0"/>
              </a:spcBef>
              <a:buNone/>
              <a:defRPr sz="1800">
                <a:solidFill>
                  <a:srgbClr val="888888"/>
                </a:solidFill>
                <a:latin typeface="Calibri"/>
                <a:ea typeface="Calibri"/>
                <a:cs typeface="Calibri"/>
                <a:sym typeface="Calibri"/>
              </a:defRPr>
            </a:lvl7pPr>
            <a:lvl8pPr marL="0" marR="0" lvl="7" indent="0" algn="r" rtl="0">
              <a:spcBef>
                <a:spcPts val="0"/>
              </a:spcBef>
              <a:buNone/>
              <a:defRPr sz="1800">
                <a:solidFill>
                  <a:srgbClr val="888888"/>
                </a:solidFill>
                <a:latin typeface="Calibri"/>
                <a:ea typeface="Calibri"/>
                <a:cs typeface="Calibri"/>
                <a:sym typeface="Calibri"/>
              </a:defRPr>
            </a:lvl8pPr>
            <a:lvl9pPr marL="0" marR="0" lvl="8" indent="0" algn="r" rtl="0">
              <a:spcBef>
                <a:spcPts val="0"/>
              </a:spcBef>
              <a:buNone/>
              <a:defRPr sz="1800">
                <a:solidFill>
                  <a:srgbClr val="888888"/>
                </a:solidFill>
                <a:latin typeface="Calibri"/>
                <a:ea typeface="Calibri"/>
                <a:cs typeface="Calibri"/>
                <a:sym typeface="Calibri"/>
              </a:defRPr>
            </a:lvl9pPr>
          </a:lstStyle>
          <a:p>
            <a:pPr fontAlgn="base">
              <a:spcBef>
                <a:spcPct val="0"/>
              </a:spcBef>
              <a:spcAft>
                <a:spcPct val="0"/>
              </a:spcAft>
              <a:defRPr/>
            </a:pPr>
            <a:fld id="{34E1B572-C58B-42F9-96A6-2D71188A3B66}" type="slidenum">
              <a:rPr lang="en-US" smtClean="0">
                <a:latin typeface="Arial" charset="0"/>
                <a:cs typeface="Arial" charset="0"/>
              </a:rPr>
              <a:pPr fontAlgn="base">
                <a:spcBef>
                  <a:spcPct val="0"/>
                </a:spcBef>
                <a:spcAft>
                  <a:spcPct val="0"/>
                </a:spcAft>
                <a:defRPr/>
              </a:pPr>
              <a:t>‹#›</a:t>
            </a:fld>
            <a:endParaRPr lang="en-US" dirty="0">
              <a:latin typeface="Arial" charset="0"/>
              <a:cs typeface="Arial" charset="0"/>
            </a:endParaRPr>
          </a:p>
        </p:txBody>
      </p:sp>
    </p:spTree>
    <p:extLst>
      <p:ext uri="{BB962C8B-B14F-4D97-AF65-F5344CB8AC3E}">
        <p14:creationId xmlns:p14="http://schemas.microsoft.com/office/powerpoint/2010/main" val="2929756578"/>
      </p:ext>
    </p:extLst>
  </p:cSld>
  <p:clrMapOvr>
    <a:masterClrMapping/>
  </p:clrMapOvr>
  <p:hf hdr="0" ftr="0" dt="0"/>
</p:sldLayout>
</file>

<file path=ppt/slideLayouts/slideLayout9.xml><?xml version="1.0" encoding="utf-8"?>
<p:sldLayout xmlns:a="http://schemas.openxmlformats.org/drawingml/2006/main" xmlns:r="http://schemas.openxmlformats.org/officeDocument/2006/relationships" xmlns:p="http://schemas.openxmlformats.org/presentationml/2006/main" type="obj">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Footer Placeholder 4"/>
          <p:cNvSpPr>
            <a:spLocks noGrp="1"/>
          </p:cNvSpPr>
          <p:nvPr>
            <p:ph type="ftr" sz="quarter" idx="11"/>
          </p:nvPr>
        </p:nvSpPr>
        <p:spPr/>
        <p:txBody>
          <a:bodyPr/>
          <a:lstStyle>
            <a:lvl1pPr fontAlgn="auto">
              <a:spcBef>
                <a:spcPts val="0"/>
              </a:spcBef>
              <a:spcAft>
                <a:spcPts val="0"/>
              </a:spcAft>
              <a:defRPr>
                <a:latin typeface="+mn-lt"/>
                <a:cs typeface="+mn-cs"/>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EECE1"/>
              </a:solidFill>
              <a:effectLst/>
              <a:uLnTx/>
              <a:uFillTx/>
              <a:latin typeface="Calibri"/>
              <a:ea typeface="+mn-ea"/>
              <a:cs typeface="+mn-cs"/>
            </a:endParaRPr>
          </a:p>
        </p:txBody>
      </p:sp>
      <p:sp>
        <p:nvSpPr>
          <p:cNvPr id="6" name="Slide Number Placeholder 5"/>
          <p:cNvSpPr>
            <a:spLocks noGrp="1"/>
          </p:cNvSpPr>
          <p:nvPr>
            <p:ph type="sldNum" sz="quarter" idx="12"/>
          </p:nvPr>
        </p:nvSpPr>
        <p:spPr/>
        <p:txBody>
          <a:bodyPr/>
          <a:lstStyle>
            <a:lvl1pPr fontAlgn="auto">
              <a:spcBef>
                <a:spcPts val="0"/>
              </a:spcBef>
              <a:spcAft>
                <a:spcPts val="0"/>
              </a:spcAft>
              <a:defRPr>
                <a:latin typeface="+mn-lt"/>
                <a:cs typeface="+mn-cs"/>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fld id="{DD6B0BE3-79B2-4C48-BEC6-CF1237735459}" type="slidenum">
              <a:rPr kumimoji="0" lang="en-US" sz="1800" b="0" i="0" u="none" strike="noStrike" kern="1200" cap="none" spc="0" normalizeH="0" baseline="0" noProof="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spTree>
    <p:extLst>
      <p:ext uri="{BB962C8B-B14F-4D97-AF65-F5344CB8AC3E}">
        <p14:creationId xmlns:p14="http://schemas.microsoft.com/office/powerpoint/2010/main" val="1696049838"/>
      </p:ext>
    </p:extLst>
  </p:cSld>
  <p:clrMapOvr>
    <a:masterClrMapping/>
  </p:clrMapOvr>
</p:sldLayout>
</file>

<file path=ppt/slideMasters/_rels/slideMaster1.xml.rels><?xml version="1.0" encoding="UTF-8" standalone="yes"?>
<Relationships xmlns="http://schemas.openxmlformats.org/package/2006/relationships"><Relationship Id="rId2" Type="http://schemas.openxmlformats.org/officeDocument/2006/relationships/theme" Target="../theme/theme1.xml"/><Relationship Id="rId1" Type="http://schemas.openxmlformats.org/officeDocument/2006/relationships/slideLayout" Target="../slideLayouts/slideLayout1.xml"/></Relationships>
</file>

<file path=ppt/slideMasters/_rels/slideMaster2.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theme" Target="../theme/theme2.xml"/><Relationship Id="rId1" Type="http://schemas.openxmlformats.org/officeDocument/2006/relationships/slideLayout" Target="../slideLayouts/slideLayout2.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10.xml"/><Relationship Id="rId3" Type="http://schemas.openxmlformats.org/officeDocument/2006/relationships/slideLayout" Target="../slideLayouts/slideLayout5.xml"/><Relationship Id="rId7" Type="http://schemas.openxmlformats.org/officeDocument/2006/relationships/slideLayout" Target="../slideLayouts/slideLayout9.xml"/><Relationship Id="rId2" Type="http://schemas.openxmlformats.org/officeDocument/2006/relationships/slideLayout" Target="../slideLayouts/slideLayout4.xml"/><Relationship Id="rId1" Type="http://schemas.openxmlformats.org/officeDocument/2006/relationships/slideLayout" Target="../slideLayouts/slideLayout3.xml"/><Relationship Id="rId6" Type="http://schemas.openxmlformats.org/officeDocument/2006/relationships/slideLayout" Target="../slideLayouts/slideLayout8.xml"/><Relationship Id="rId5" Type="http://schemas.openxmlformats.org/officeDocument/2006/relationships/slideLayout" Target="../slideLayouts/slideLayout7.xml"/><Relationship Id="rId10" Type="http://schemas.openxmlformats.org/officeDocument/2006/relationships/image" Target="../media/image1.png"/><Relationship Id="rId4" Type="http://schemas.openxmlformats.org/officeDocument/2006/relationships/slideLayout" Target="../slideLayouts/slideLayout6.xml"/><Relationship Id="rId9" Type="http://schemas.openxmlformats.org/officeDocument/2006/relationships/theme" Target="../theme/theme3.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18.xml"/><Relationship Id="rId13" Type="http://schemas.openxmlformats.org/officeDocument/2006/relationships/slideLayout" Target="../slideLayouts/slideLayout23.xml"/><Relationship Id="rId3" Type="http://schemas.openxmlformats.org/officeDocument/2006/relationships/slideLayout" Target="../slideLayouts/slideLayout13.xml"/><Relationship Id="rId7" Type="http://schemas.openxmlformats.org/officeDocument/2006/relationships/slideLayout" Target="../slideLayouts/slideLayout17.xml"/><Relationship Id="rId12" Type="http://schemas.openxmlformats.org/officeDocument/2006/relationships/slideLayout" Target="../slideLayouts/slideLayout22.xml"/><Relationship Id="rId2" Type="http://schemas.openxmlformats.org/officeDocument/2006/relationships/slideLayout" Target="../slideLayouts/slideLayout12.xml"/><Relationship Id="rId1" Type="http://schemas.openxmlformats.org/officeDocument/2006/relationships/slideLayout" Target="../slideLayouts/slideLayout11.xml"/><Relationship Id="rId6" Type="http://schemas.openxmlformats.org/officeDocument/2006/relationships/slideLayout" Target="../slideLayouts/slideLayout16.xml"/><Relationship Id="rId11" Type="http://schemas.openxmlformats.org/officeDocument/2006/relationships/slideLayout" Target="../slideLayouts/slideLayout21.xml"/><Relationship Id="rId5" Type="http://schemas.openxmlformats.org/officeDocument/2006/relationships/slideLayout" Target="../slideLayouts/slideLayout15.xml"/><Relationship Id="rId15" Type="http://schemas.openxmlformats.org/officeDocument/2006/relationships/image" Target="../media/image1.png"/><Relationship Id="rId10" Type="http://schemas.openxmlformats.org/officeDocument/2006/relationships/slideLayout" Target="../slideLayouts/slideLayout20.xml"/><Relationship Id="rId4" Type="http://schemas.openxmlformats.org/officeDocument/2006/relationships/slideLayout" Target="../slideLayouts/slideLayout14.xml"/><Relationship Id="rId9" Type="http://schemas.openxmlformats.org/officeDocument/2006/relationships/slideLayout" Target="../slideLayouts/slideLayout19.xml"/><Relationship Id="rId14" Type="http://schemas.openxmlformats.org/officeDocument/2006/relationships/theme" Target="../theme/theme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9"/>
        <p:cNvGrpSpPr/>
        <p:nvPr/>
      </p:nvGrpSpPr>
      <p:grpSpPr>
        <a:xfrm>
          <a:off x="0" y="0"/>
          <a:ext cx="0" cy="0"/>
          <a:chOff x="0" y="0"/>
          <a:chExt cx="0" cy="0"/>
        </a:xfrm>
      </p:grpSpPr>
      <p:sp>
        <p:nvSpPr>
          <p:cNvPr id="10" name="Shape 10"/>
          <p:cNvSpPr txBox="1">
            <a:spLocks noGrp="1"/>
          </p:cNvSpPr>
          <p:nvPr>
            <p:ph type="title"/>
          </p:nvPr>
        </p:nvSpPr>
        <p:spPr>
          <a:xfrm>
            <a:off x="457200" y="274637"/>
            <a:ext cx="8229600" cy="1143000"/>
          </a:xfrm>
          <a:prstGeom prst="rect">
            <a:avLst/>
          </a:prstGeom>
          <a:noFill/>
          <a:ln>
            <a:noFill/>
          </a:ln>
        </p:spPr>
        <p:txBody>
          <a:bodyPr wrap="square" lIns="91425" tIns="91425" rIns="91425" bIns="91425" anchor="ctr" anchorCtr="0"/>
          <a:lstStyle>
            <a:lvl1pPr marL="0" marR="0" lvl="0" indent="0" algn="ctr" rtl="0">
              <a:lnSpc>
                <a:spcPct val="100000"/>
              </a:lnSpc>
              <a:spcBef>
                <a:spcPts val="0"/>
              </a:spcBef>
              <a:spcAft>
                <a:spcPts val="0"/>
              </a:spcAft>
              <a:buClr>
                <a:schemeClr val="dk1"/>
              </a:buClr>
              <a:buFont typeface="Calibri"/>
              <a:buNone/>
              <a:defRPr sz="4400" b="0" i="0" u="none" strike="noStrike" cap="none">
                <a:solidFill>
                  <a:schemeClr val="dk1"/>
                </a:solidFill>
                <a:latin typeface="Calibri"/>
                <a:ea typeface="Calibri"/>
                <a:cs typeface="Calibri"/>
                <a:sym typeface="Calibri"/>
              </a:defRPr>
            </a:lvl1pPr>
            <a:lvl2pPr lvl="1" indent="0">
              <a:spcBef>
                <a:spcPts val="0"/>
              </a:spcBef>
              <a:buFont typeface="Arial"/>
              <a:buNone/>
              <a:defRPr sz="1800"/>
            </a:lvl2pPr>
            <a:lvl3pPr lvl="2" indent="0">
              <a:spcBef>
                <a:spcPts val="0"/>
              </a:spcBef>
              <a:buFont typeface="Arial"/>
              <a:buNone/>
              <a:defRPr sz="1800"/>
            </a:lvl3pPr>
            <a:lvl4pPr lvl="3" indent="0">
              <a:spcBef>
                <a:spcPts val="0"/>
              </a:spcBef>
              <a:buFont typeface="Arial"/>
              <a:buNone/>
              <a:defRPr sz="1800"/>
            </a:lvl4pPr>
            <a:lvl5pPr lvl="4" indent="0">
              <a:spcBef>
                <a:spcPts val="0"/>
              </a:spcBef>
              <a:buFont typeface="Arial"/>
              <a:buNone/>
              <a:defRPr sz="1800"/>
            </a:lvl5pPr>
            <a:lvl6pPr lvl="5" indent="0">
              <a:spcBef>
                <a:spcPts val="0"/>
              </a:spcBef>
              <a:buFont typeface="Arial"/>
              <a:buNone/>
              <a:defRPr sz="1800"/>
            </a:lvl6pPr>
            <a:lvl7pPr lvl="6" indent="0">
              <a:spcBef>
                <a:spcPts val="0"/>
              </a:spcBef>
              <a:buFont typeface="Arial"/>
              <a:buNone/>
              <a:defRPr sz="1800"/>
            </a:lvl7pPr>
            <a:lvl8pPr lvl="7" indent="0">
              <a:spcBef>
                <a:spcPts val="0"/>
              </a:spcBef>
              <a:buFont typeface="Arial"/>
              <a:buNone/>
              <a:defRPr sz="1800"/>
            </a:lvl8pPr>
            <a:lvl9pPr lvl="8" indent="0">
              <a:spcBef>
                <a:spcPts val="0"/>
              </a:spcBef>
              <a:buFont typeface="Arial"/>
              <a:buNone/>
              <a:defRPr sz="1800"/>
            </a:lvl9pPr>
          </a:lstStyle>
          <a:p>
            <a:endParaRPr/>
          </a:p>
        </p:txBody>
      </p:sp>
      <p:sp>
        <p:nvSpPr>
          <p:cNvPr id="11" name="Shape 11"/>
          <p:cNvSpPr txBox="1">
            <a:spLocks noGrp="1"/>
          </p:cNvSpPr>
          <p:nvPr>
            <p:ph type="body" idx="1"/>
          </p:nvPr>
        </p:nvSpPr>
        <p:spPr>
          <a:xfrm>
            <a:off x="457200" y="1600212"/>
            <a:ext cx="8229600" cy="4525963"/>
          </a:xfrm>
          <a:prstGeom prst="rect">
            <a:avLst/>
          </a:prstGeom>
          <a:noFill/>
          <a:ln>
            <a:noFill/>
          </a:ln>
        </p:spPr>
        <p:txBody>
          <a:bodyPr wrap="square" lIns="91425" tIns="91425" rIns="91425" bIns="91425" anchor="t" anchorCtr="0"/>
          <a:lstStyle>
            <a:lvl1pPr marL="406400" marR="0" lvl="0" indent="139700" algn="l" rtl="0">
              <a:lnSpc>
                <a:spcPct val="100000"/>
              </a:lnSpc>
              <a:spcBef>
                <a:spcPts val="640"/>
              </a:spcBef>
              <a:spcAft>
                <a:spcPts val="0"/>
              </a:spcAft>
              <a:buClr>
                <a:schemeClr val="dk1"/>
              </a:buClr>
              <a:buSzPct val="100000"/>
              <a:buFont typeface="Arial"/>
              <a:buChar char="•"/>
              <a:defRPr sz="3200" b="0" i="0" u="none" strike="noStrike" cap="none">
                <a:solidFill>
                  <a:schemeClr val="dk1"/>
                </a:solidFill>
                <a:latin typeface="Calibri"/>
                <a:ea typeface="Calibri"/>
                <a:cs typeface="Calibri"/>
                <a:sym typeface="Calibri"/>
              </a:defRPr>
            </a:lvl1pPr>
            <a:lvl2pPr marL="812800" marR="0" lvl="1" indent="101600" algn="l" rtl="0">
              <a:lnSpc>
                <a:spcPct val="100000"/>
              </a:lnSpc>
              <a:spcBef>
                <a:spcPts val="560"/>
              </a:spcBef>
              <a:spcAft>
                <a:spcPts val="0"/>
              </a:spcAft>
              <a:buClr>
                <a:schemeClr val="dk1"/>
              </a:buClr>
              <a:buSzPct val="100000"/>
              <a:buFont typeface="Arial"/>
              <a:buChar char="–"/>
              <a:defRPr sz="2800" b="0" i="0" u="none" strike="noStrike" cap="none">
                <a:solidFill>
                  <a:schemeClr val="dk1"/>
                </a:solidFill>
                <a:latin typeface="Calibri"/>
                <a:ea typeface="Calibri"/>
                <a:cs typeface="Calibri"/>
                <a:sym typeface="Calibri"/>
              </a:defRPr>
            </a:lvl2pPr>
            <a:lvl3pPr marL="1219200" marR="0" lvl="2" indent="76200" algn="l" rtl="0">
              <a:lnSpc>
                <a:spcPct val="100000"/>
              </a:lnSpc>
              <a:spcBef>
                <a:spcPts val="480"/>
              </a:spcBef>
              <a:spcAft>
                <a:spcPts val="0"/>
              </a:spcAft>
              <a:buClr>
                <a:schemeClr val="dk1"/>
              </a:buClr>
              <a:buSzPct val="100000"/>
              <a:buFont typeface="Arial"/>
              <a:buChar char="•"/>
              <a:defRPr sz="2400" b="0" i="0" u="none" strike="noStrike" cap="none">
                <a:solidFill>
                  <a:schemeClr val="dk1"/>
                </a:solidFill>
                <a:latin typeface="Calibri"/>
                <a:ea typeface="Calibri"/>
                <a:cs typeface="Calibri"/>
                <a:sym typeface="Calibri"/>
              </a:defRPr>
            </a:lvl3pPr>
            <a:lvl4pPr marL="1625600" marR="0" lvl="3" indent="101600" algn="l" rtl="0">
              <a:lnSpc>
                <a:spcPct val="100000"/>
              </a:lnSpc>
              <a:spcBef>
                <a:spcPts val="400"/>
              </a:spcBef>
              <a:spcAft>
                <a:spcPts val="0"/>
              </a:spcAft>
              <a:buClr>
                <a:schemeClr val="dk1"/>
              </a:buClr>
              <a:buSzPct val="100000"/>
              <a:buFont typeface="Arial"/>
              <a:buChar char="–"/>
              <a:defRPr sz="2000" b="0" i="0" u="none" strike="noStrike" cap="none">
                <a:solidFill>
                  <a:schemeClr val="dk1"/>
                </a:solidFill>
                <a:latin typeface="Calibri"/>
                <a:ea typeface="Calibri"/>
                <a:cs typeface="Calibri"/>
                <a:sym typeface="Calibri"/>
              </a:defRPr>
            </a:lvl4pPr>
            <a:lvl5pPr marL="2082800" marR="0" lvl="4" indent="101600" algn="l" rtl="0">
              <a:lnSpc>
                <a:spcPct val="100000"/>
              </a:lnSpc>
              <a:spcBef>
                <a:spcPts val="400"/>
              </a:spcBef>
              <a:spcAft>
                <a:spcPts val="0"/>
              </a:spcAft>
              <a:buClr>
                <a:schemeClr val="dk1"/>
              </a:buClr>
              <a:buSzPct val="100000"/>
              <a:buFont typeface="Arial"/>
              <a:buChar char="»"/>
              <a:defRPr sz="2000" b="0" i="0" u="none" strike="noStrike" cap="none">
                <a:solidFill>
                  <a:schemeClr val="dk1"/>
                </a:solidFill>
                <a:latin typeface="Calibri"/>
                <a:ea typeface="Calibri"/>
                <a:cs typeface="Calibri"/>
                <a:sym typeface="Calibri"/>
              </a:defRPr>
            </a:lvl5pPr>
            <a:lvl6pPr marL="2540000" marR="0" lvl="5" indent="101600" algn="l" rtl="0">
              <a:lnSpc>
                <a:spcPct val="100000"/>
              </a:lnSpc>
              <a:spcBef>
                <a:spcPts val="400"/>
              </a:spcBef>
              <a:spcAft>
                <a:spcPts val="0"/>
              </a:spcAft>
              <a:buClr>
                <a:schemeClr val="dk1"/>
              </a:buClr>
              <a:buSzPct val="100000"/>
              <a:buFont typeface="Arial"/>
              <a:buChar char="•"/>
              <a:defRPr sz="2000" b="0" i="0" u="none" strike="noStrike" cap="none">
                <a:solidFill>
                  <a:schemeClr val="dk1"/>
                </a:solidFill>
                <a:latin typeface="Calibri"/>
                <a:ea typeface="Calibri"/>
                <a:cs typeface="Calibri"/>
                <a:sym typeface="Calibri"/>
              </a:defRPr>
            </a:lvl6pPr>
            <a:lvl7pPr marL="2997200" marR="0" lvl="6" indent="101600" algn="l" rtl="0">
              <a:lnSpc>
                <a:spcPct val="100000"/>
              </a:lnSpc>
              <a:spcBef>
                <a:spcPts val="400"/>
              </a:spcBef>
              <a:spcAft>
                <a:spcPts val="0"/>
              </a:spcAft>
              <a:buClr>
                <a:schemeClr val="dk1"/>
              </a:buClr>
              <a:buSzPct val="100000"/>
              <a:buFont typeface="Arial"/>
              <a:buChar char="•"/>
              <a:defRPr sz="2000" b="0" i="0" u="none" strike="noStrike" cap="none">
                <a:solidFill>
                  <a:schemeClr val="dk1"/>
                </a:solidFill>
                <a:latin typeface="Calibri"/>
                <a:ea typeface="Calibri"/>
                <a:cs typeface="Calibri"/>
                <a:sym typeface="Calibri"/>
              </a:defRPr>
            </a:lvl7pPr>
            <a:lvl8pPr marL="3454400" marR="0" lvl="7" indent="101600" algn="l" rtl="0">
              <a:lnSpc>
                <a:spcPct val="100000"/>
              </a:lnSpc>
              <a:spcBef>
                <a:spcPts val="400"/>
              </a:spcBef>
              <a:spcAft>
                <a:spcPts val="0"/>
              </a:spcAft>
              <a:buClr>
                <a:schemeClr val="dk1"/>
              </a:buClr>
              <a:buSzPct val="100000"/>
              <a:buFont typeface="Arial"/>
              <a:buChar char="•"/>
              <a:defRPr sz="2000" b="0" i="0" u="none" strike="noStrike" cap="none">
                <a:solidFill>
                  <a:schemeClr val="dk1"/>
                </a:solidFill>
                <a:latin typeface="Calibri"/>
                <a:ea typeface="Calibri"/>
                <a:cs typeface="Calibri"/>
                <a:sym typeface="Calibri"/>
              </a:defRPr>
            </a:lvl8pPr>
            <a:lvl9pPr marL="3911600" marR="0" lvl="8" indent="101600" algn="l" rtl="0">
              <a:lnSpc>
                <a:spcPct val="100000"/>
              </a:lnSpc>
              <a:spcBef>
                <a:spcPts val="400"/>
              </a:spcBef>
              <a:spcAft>
                <a:spcPts val="0"/>
              </a:spcAft>
              <a:buClr>
                <a:schemeClr val="dk1"/>
              </a:buClr>
              <a:buSzPct val="100000"/>
              <a:buFont typeface="Arial"/>
              <a:buChar char="•"/>
              <a:defRPr sz="2000" b="0" i="0" u="none" strike="noStrike" cap="none">
                <a:solidFill>
                  <a:schemeClr val="dk1"/>
                </a:solidFill>
                <a:latin typeface="Calibri"/>
                <a:ea typeface="Calibri"/>
                <a:cs typeface="Calibri"/>
                <a:sym typeface="Calibri"/>
              </a:defRPr>
            </a:lvl9pPr>
          </a:lstStyle>
          <a:p>
            <a:endParaRPr/>
          </a:p>
        </p:txBody>
      </p:sp>
      <p:sp>
        <p:nvSpPr>
          <p:cNvPr id="12" name="Shape 12"/>
          <p:cNvSpPr txBox="1">
            <a:spLocks noGrp="1"/>
          </p:cNvSpPr>
          <p:nvPr>
            <p:ph type="sldNum" idx="12"/>
          </p:nvPr>
        </p:nvSpPr>
        <p:spPr>
          <a:xfrm>
            <a:off x="6553212" y="6173787"/>
            <a:ext cx="2133599" cy="365125"/>
          </a:xfrm>
          <a:prstGeom prst="rect">
            <a:avLst/>
          </a:prstGeom>
          <a:noFill/>
          <a:ln>
            <a:noFill/>
          </a:ln>
        </p:spPr>
        <p:txBody>
          <a:bodyPr wrap="square" lIns="91275" tIns="45625" rIns="91275" bIns="45625" anchor="ctr" anchorCtr="0">
            <a:noAutofit/>
          </a:bodyPr>
          <a:lstStyle/>
          <a:p>
            <a:pPr marL="0" marR="0" lvl="0" indent="0" algn="r" rtl="0">
              <a:spcBef>
                <a:spcPts val="0"/>
              </a:spcBef>
              <a:buSzPct val="25000"/>
              <a:buNone/>
            </a:pPr>
            <a:fld id="{00000000-1234-1234-1234-123412341234}" type="slidenum">
              <a:rPr lang="en-US" sz="1200" b="0" i="0" u="none" strike="noStrike" cap="none">
                <a:solidFill>
                  <a:srgbClr val="888888"/>
                </a:solidFill>
                <a:latin typeface="Arial"/>
                <a:ea typeface="Arial"/>
                <a:cs typeface="Arial"/>
                <a:sym typeface="Arial"/>
              </a:rPr>
              <a:t>‹#›</a:t>
            </a:fld>
            <a:endParaRPr lang="en-US" sz="1200" b="0" i="0" u="none" strike="noStrike" cap="none">
              <a:solidFill>
                <a:srgbClr val="888888"/>
              </a:solidFill>
              <a:latin typeface="Arial"/>
              <a:ea typeface="Arial"/>
              <a:cs typeface="Arial"/>
              <a:sym typeface="Arial"/>
            </a:endParaRPr>
          </a:p>
        </p:txBody>
      </p:sp>
    </p:spTree>
    <p:extLst>
      <p:ext uri="{BB962C8B-B14F-4D97-AF65-F5344CB8AC3E}">
        <p14:creationId xmlns:p14="http://schemas.microsoft.com/office/powerpoint/2010/main" val="2415920735"/>
      </p:ext>
    </p:extLst>
  </p:cSld>
  <p:clrMap bg1="lt1" tx1="dk1" bg2="dk2" tx2="lt2" accent1="accent1" accent2="accent2" accent3="accent3" accent4="accent4" accent5="accent5" accent6="accent6" hlink="hlink" folHlink="folHlink"/>
  <p:sldLayoutIdLst>
    <p:sldLayoutId id="2147483661" r:id="rId1"/>
  </p:sldLayoutIdLst>
  <p:hf hdr="0" ftr="0" dt="0"/>
  <p:txStyles>
    <p:titleStyle>
      <a:defPPr marR="0" lvl="0" algn="l" rtl="0">
        <a:lnSpc>
          <a:spcPct val="100000"/>
        </a:lnSpc>
        <a:spcBef>
          <a:spcPts val="0"/>
        </a:spcBef>
        <a:spcAft>
          <a:spcPts val="0"/>
        </a:spcAft>
      </a:defPPr>
      <a:lvl1pPr marR="0" lvl="0"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1pPr>
    </p:titleStyle>
    <p:bodyStyle>
      <a:defPPr marR="0" lvl="0" algn="l" rtl="0">
        <a:lnSpc>
          <a:spcPct val="100000"/>
        </a:lnSpc>
        <a:spcBef>
          <a:spcPts val="0"/>
        </a:spcBef>
        <a:spcAft>
          <a:spcPts val="0"/>
        </a:spcAft>
      </a:defPPr>
      <a:lvl1pPr marR="0" lvl="0"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None/>
        <a:defRPr sz="1400" b="0" i="0" u="none" strike="noStrike" cap="none">
          <a:solidFill>
            <a:srgbClr val="000000"/>
          </a:solidFill>
          <a:latin typeface="Arial"/>
          <a:ea typeface="Arial"/>
          <a:cs typeface="Arial"/>
          <a:sym typeface="Arial"/>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53"/>
        <p:cNvGrpSpPr/>
        <p:nvPr/>
      </p:nvGrpSpPr>
      <p:grpSpPr>
        <a:xfrm>
          <a:off x="0" y="0"/>
          <a:ext cx="0" cy="0"/>
          <a:chOff x="0" y="0"/>
          <a:chExt cx="0" cy="0"/>
        </a:xfrm>
      </p:grpSpPr>
      <p:sp>
        <p:nvSpPr>
          <p:cNvPr id="54" name="Shape 54"/>
          <p:cNvSpPr/>
          <p:nvPr/>
        </p:nvSpPr>
        <p:spPr>
          <a:xfrm>
            <a:off x="0" y="1"/>
            <a:ext cx="9144000" cy="1210235"/>
          </a:xfrm>
          <a:custGeom>
            <a:avLst/>
            <a:gdLst/>
            <a:ahLst/>
            <a:cxnLst/>
            <a:rect l="0" t="0" r="0" b="0"/>
            <a:pathLst>
              <a:path w="120000" h="120000" extrusionOk="0">
                <a:moveTo>
                  <a:pt x="0" y="119999"/>
                </a:moveTo>
                <a:lnTo>
                  <a:pt x="119999" y="119999"/>
                </a:lnTo>
                <a:lnTo>
                  <a:pt x="119999" y="0"/>
                </a:lnTo>
                <a:lnTo>
                  <a:pt x="0" y="0"/>
                </a:lnTo>
                <a:lnTo>
                  <a:pt x="0" y="119999"/>
                </a:lnTo>
                <a:close/>
              </a:path>
            </a:pathLst>
          </a:custGeom>
          <a:solidFill>
            <a:srgbClr val="5F5F5F"/>
          </a:solidFill>
          <a:ln>
            <a:noFill/>
          </a:ln>
        </p:spPr>
        <p:txBody>
          <a:bodyPr wrap="square" lIns="0" tIns="0" rIns="0" bIns="0" anchor="t" anchorCtr="0">
            <a:noAutofit/>
          </a:bodyPr>
          <a:lstStyle/>
          <a:p>
            <a:pPr marL="0" marR="0" lvl="0" indent="-101589" algn="l" rtl="0">
              <a:lnSpc>
                <a:spcPct val="100000"/>
              </a:lnSpc>
              <a:spcBef>
                <a:spcPts val="0"/>
              </a:spcBef>
              <a:spcAft>
                <a:spcPts val="0"/>
              </a:spcAft>
              <a:buClr>
                <a:srgbClr val="000000"/>
              </a:buClr>
              <a:buFont typeface="Arial"/>
              <a:buNone/>
            </a:pPr>
            <a:endParaRPr sz="1600" b="0" i="0" u="none" strike="noStrike" cap="none">
              <a:solidFill>
                <a:srgbClr val="000000"/>
              </a:solidFill>
              <a:latin typeface="Calibri"/>
              <a:ea typeface="Calibri"/>
              <a:cs typeface="Calibri"/>
              <a:sym typeface="Calibri"/>
            </a:endParaRPr>
          </a:p>
        </p:txBody>
      </p:sp>
      <p:sp>
        <p:nvSpPr>
          <p:cNvPr id="55" name="Shape 55"/>
          <p:cNvSpPr/>
          <p:nvPr/>
        </p:nvSpPr>
        <p:spPr>
          <a:xfrm>
            <a:off x="207838" y="201725"/>
            <a:ext cx="1870375" cy="791537"/>
          </a:xfrm>
          <a:prstGeom prst="rect">
            <a:avLst/>
          </a:prstGeom>
          <a:blipFill rotWithShape="1">
            <a:blip r:embed="rId3">
              <a:alphaModFix/>
            </a:blip>
            <a:stretch>
              <a:fillRect/>
            </a:stretch>
          </a:blipFill>
          <a:ln>
            <a:noFill/>
          </a:ln>
        </p:spPr>
        <p:txBody>
          <a:bodyPr wrap="square" lIns="0" tIns="0" rIns="0" bIns="0" anchor="t" anchorCtr="0">
            <a:noAutofit/>
          </a:bodyPr>
          <a:lstStyle/>
          <a:p>
            <a:pPr marL="0" marR="0" lvl="0" indent="-101589" algn="l" rtl="0">
              <a:lnSpc>
                <a:spcPct val="100000"/>
              </a:lnSpc>
              <a:spcBef>
                <a:spcPts val="0"/>
              </a:spcBef>
              <a:spcAft>
                <a:spcPts val="0"/>
              </a:spcAft>
              <a:buClr>
                <a:srgbClr val="000000"/>
              </a:buClr>
              <a:buFont typeface="Arial"/>
              <a:buNone/>
            </a:pPr>
            <a:endParaRPr sz="1600" b="0" i="0" u="none" strike="noStrike" cap="none">
              <a:solidFill>
                <a:srgbClr val="000000"/>
              </a:solidFill>
              <a:latin typeface="Calibri"/>
              <a:ea typeface="Calibri"/>
              <a:cs typeface="Calibri"/>
              <a:sym typeface="Calibri"/>
            </a:endParaRPr>
          </a:p>
        </p:txBody>
      </p:sp>
      <p:sp>
        <p:nvSpPr>
          <p:cNvPr id="56" name="Shape 56"/>
          <p:cNvSpPr/>
          <p:nvPr/>
        </p:nvSpPr>
        <p:spPr>
          <a:xfrm>
            <a:off x="1458836" y="401712"/>
            <a:ext cx="56573" cy="58271"/>
          </a:xfrm>
          <a:custGeom>
            <a:avLst/>
            <a:gdLst/>
            <a:ahLst/>
            <a:cxnLst/>
            <a:rect l="0" t="0" r="0" b="0"/>
            <a:pathLst>
              <a:path w="120000" h="120000" extrusionOk="0">
                <a:moveTo>
                  <a:pt x="66920" y="0"/>
                </a:moveTo>
                <a:lnTo>
                  <a:pt x="37829" y="4633"/>
                </a:lnTo>
                <a:lnTo>
                  <a:pt x="14882" y="17858"/>
                </a:lnTo>
                <a:lnTo>
                  <a:pt x="0" y="37428"/>
                </a:lnTo>
                <a:lnTo>
                  <a:pt x="1249" y="70729"/>
                </a:lnTo>
                <a:lnTo>
                  <a:pt x="10470" y="95006"/>
                </a:lnTo>
                <a:lnTo>
                  <a:pt x="26094" y="110763"/>
                </a:lnTo>
                <a:lnTo>
                  <a:pt x="46549" y="118508"/>
                </a:lnTo>
                <a:lnTo>
                  <a:pt x="58808" y="119534"/>
                </a:lnTo>
                <a:lnTo>
                  <a:pt x="86553" y="114330"/>
                </a:lnTo>
                <a:lnTo>
                  <a:pt x="107541" y="99866"/>
                </a:lnTo>
                <a:lnTo>
                  <a:pt x="119936" y="77867"/>
                </a:lnTo>
                <a:lnTo>
                  <a:pt x="117005" y="46993"/>
                </a:lnTo>
                <a:lnTo>
                  <a:pt x="105917" y="23342"/>
                </a:lnTo>
                <a:lnTo>
                  <a:pt x="88583" y="7486"/>
                </a:lnTo>
                <a:lnTo>
                  <a:pt x="66920" y="0"/>
                </a:lnTo>
                <a:close/>
              </a:path>
            </a:pathLst>
          </a:custGeom>
          <a:solidFill>
            <a:srgbClr val="ECB329"/>
          </a:solidFill>
          <a:ln>
            <a:noFill/>
          </a:ln>
        </p:spPr>
        <p:txBody>
          <a:bodyPr wrap="square" lIns="0" tIns="0" rIns="0" bIns="0" anchor="t" anchorCtr="0">
            <a:noAutofit/>
          </a:bodyPr>
          <a:lstStyle/>
          <a:p>
            <a:pPr marL="0" marR="0" lvl="0" indent="-101589" algn="l" rtl="0">
              <a:lnSpc>
                <a:spcPct val="100000"/>
              </a:lnSpc>
              <a:spcBef>
                <a:spcPts val="0"/>
              </a:spcBef>
              <a:spcAft>
                <a:spcPts val="0"/>
              </a:spcAft>
              <a:buClr>
                <a:srgbClr val="000000"/>
              </a:buClr>
              <a:buFont typeface="Arial"/>
              <a:buNone/>
            </a:pPr>
            <a:endParaRPr sz="1600" b="0" i="0" u="none" strike="noStrike" cap="none">
              <a:solidFill>
                <a:srgbClr val="000000"/>
              </a:solidFill>
              <a:latin typeface="Calibri"/>
              <a:ea typeface="Calibri"/>
              <a:cs typeface="Calibri"/>
              <a:sym typeface="Calibri"/>
            </a:endParaRPr>
          </a:p>
        </p:txBody>
      </p:sp>
      <p:sp>
        <p:nvSpPr>
          <p:cNvPr id="57" name="Shape 57"/>
          <p:cNvSpPr txBox="1">
            <a:spLocks noGrp="1"/>
          </p:cNvSpPr>
          <p:nvPr>
            <p:ph type="title"/>
          </p:nvPr>
        </p:nvSpPr>
        <p:spPr>
          <a:xfrm>
            <a:off x="457221" y="274339"/>
            <a:ext cx="8229599" cy="276999"/>
          </a:xfrm>
          <a:prstGeom prst="rect">
            <a:avLst/>
          </a:prstGeom>
          <a:noFill/>
          <a:ln>
            <a:noFill/>
          </a:ln>
        </p:spPr>
        <p:txBody>
          <a:bodyPr wrap="square" lIns="91416" tIns="91416" rIns="91416" bIns="91416" anchor="t" anchorCtr="0"/>
          <a:lstStyle>
            <a:lvl1pPr marL="0" marR="0" lvl="0" indent="0" algn="l" rtl="0">
              <a:lnSpc>
                <a:spcPct val="100000"/>
              </a:lnSpc>
              <a:spcBef>
                <a:spcPts val="0"/>
              </a:spcBef>
              <a:spcAft>
                <a:spcPts val="0"/>
              </a:spcAft>
              <a:buClr>
                <a:srgbClr val="000000"/>
              </a:buClr>
              <a:buSzPct val="100000"/>
              <a:buFont typeface="Calibri"/>
              <a:buNone/>
              <a:defRPr sz="1800" b="0" i="0" u="none" strike="noStrike" cap="none">
                <a:solidFill>
                  <a:srgbClr val="000000"/>
                </a:solidFill>
                <a:latin typeface="Calibri"/>
                <a:ea typeface="Calibri"/>
                <a:cs typeface="Calibri"/>
                <a:sym typeface="Calibri"/>
              </a:defRPr>
            </a:lvl1pPr>
            <a:lvl2pPr lvl="1" indent="0">
              <a:spcBef>
                <a:spcPts val="0"/>
              </a:spcBef>
              <a:buSzPct val="100000"/>
              <a:buFont typeface="Arial"/>
              <a:buNone/>
              <a:defRPr sz="1800"/>
            </a:lvl2pPr>
            <a:lvl3pPr lvl="2" indent="0">
              <a:spcBef>
                <a:spcPts val="0"/>
              </a:spcBef>
              <a:buSzPct val="100000"/>
              <a:buFont typeface="Arial"/>
              <a:buNone/>
              <a:defRPr sz="1800"/>
            </a:lvl3pPr>
            <a:lvl4pPr lvl="3" indent="0">
              <a:spcBef>
                <a:spcPts val="0"/>
              </a:spcBef>
              <a:buSzPct val="100000"/>
              <a:buFont typeface="Arial"/>
              <a:buNone/>
              <a:defRPr sz="1800"/>
            </a:lvl4pPr>
            <a:lvl5pPr lvl="4" indent="0">
              <a:spcBef>
                <a:spcPts val="0"/>
              </a:spcBef>
              <a:buSzPct val="100000"/>
              <a:buFont typeface="Arial"/>
              <a:buNone/>
              <a:defRPr sz="1800"/>
            </a:lvl5pPr>
            <a:lvl6pPr lvl="5" indent="0">
              <a:spcBef>
                <a:spcPts val="0"/>
              </a:spcBef>
              <a:buSzPct val="100000"/>
              <a:buFont typeface="Arial"/>
              <a:buNone/>
              <a:defRPr sz="1800"/>
            </a:lvl6pPr>
            <a:lvl7pPr lvl="6" indent="0">
              <a:spcBef>
                <a:spcPts val="0"/>
              </a:spcBef>
              <a:buSzPct val="100000"/>
              <a:buFont typeface="Arial"/>
              <a:buNone/>
              <a:defRPr sz="1800"/>
            </a:lvl7pPr>
            <a:lvl8pPr lvl="7" indent="0">
              <a:spcBef>
                <a:spcPts val="0"/>
              </a:spcBef>
              <a:buSzPct val="100000"/>
              <a:buFont typeface="Arial"/>
              <a:buNone/>
              <a:defRPr sz="1800"/>
            </a:lvl8pPr>
            <a:lvl9pPr lvl="8" indent="0">
              <a:spcBef>
                <a:spcPts val="0"/>
              </a:spcBef>
              <a:buSzPct val="100000"/>
              <a:buFont typeface="Arial"/>
              <a:buNone/>
              <a:defRPr sz="1800"/>
            </a:lvl9pPr>
          </a:lstStyle>
          <a:p>
            <a:endParaRPr/>
          </a:p>
        </p:txBody>
      </p:sp>
      <p:sp>
        <p:nvSpPr>
          <p:cNvPr id="58" name="Shape 58"/>
          <p:cNvSpPr txBox="1">
            <a:spLocks noGrp="1"/>
          </p:cNvSpPr>
          <p:nvPr>
            <p:ph type="body" idx="1"/>
          </p:nvPr>
        </p:nvSpPr>
        <p:spPr>
          <a:xfrm>
            <a:off x="457221" y="1577359"/>
            <a:ext cx="8229599" cy="276999"/>
          </a:xfrm>
          <a:prstGeom prst="rect">
            <a:avLst/>
          </a:prstGeom>
          <a:noFill/>
          <a:ln>
            <a:noFill/>
          </a:ln>
        </p:spPr>
        <p:txBody>
          <a:bodyPr wrap="square" lIns="91416" tIns="91416" rIns="91416" bIns="91416" anchor="t" anchorCtr="0"/>
          <a:lstStyle>
            <a:lvl1pPr marL="0" marR="0" lvl="0" indent="114300" algn="l" rtl="0">
              <a:lnSpc>
                <a:spcPct val="100000"/>
              </a:lnSpc>
              <a:spcBef>
                <a:spcPts val="0"/>
              </a:spcBef>
              <a:spcAft>
                <a:spcPts val="0"/>
              </a:spcAft>
              <a:buClr>
                <a:srgbClr val="000000"/>
              </a:buClr>
              <a:buSzPct val="100000"/>
              <a:buFont typeface="Calibri"/>
              <a:buChar char="●"/>
              <a:defRPr sz="1800" b="0" i="0" u="none" strike="noStrike" cap="none">
                <a:solidFill>
                  <a:srgbClr val="000000"/>
                </a:solidFill>
                <a:latin typeface="Calibri"/>
                <a:ea typeface="Calibri"/>
                <a:cs typeface="Calibri"/>
                <a:sym typeface="Calibri"/>
              </a:defRPr>
            </a:lvl1pPr>
            <a:lvl2pPr marL="409619" marR="0" lvl="1" indent="111081" algn="l" rtl="0">
              <a:lnSpc>
                <a:spcPct val="100000"/>
              </a:lnSpc>
              <a:spcBef>
                <a:spcPts val="0"/>
              </a:spcBef>
              <a:spcAft>
                <a:spcPts val="0"/>
              </a:spcAft>
              <a:buClr>
                <a:srgbClr val="000000"/>
              </a:buClr>
              <a:buSzPct val="100000"/>
              <a:buFont typeface="Calibri"/>
              <a:buChar char="○"/>
              <a:defRPr sz="1800" b="0" i="0" u="none" strike="noStrike" cap="none">
                <a:solidFill>
                  <a:srgbClr val="000000"/>
                </a:solidFill>
                <a:latin typeface="Calibri"/>
                <a:ea typeface="Calibri"/>
                <a:cs typeface="Calibri"/>
                <a:sym typeface="Calibri"/>
              </a:defRPr>
            </a:lvl2pPr>
            <a:lvl3pPr marL="819239" marR="0" lvl="2" indent="107860" algn="l" rtl="0">
              <a:lnSpc>
                <a:spcPct val="100000"/>
              </a:lnSpc>
              <a:spcBef>
                <a:spcPts val="0"/>
              </a:spcBef>
              <a:spcAft>
                <a:spcPts val="0"/>
              </a:spcAft>
              <a:buClr>
                <a:srgbClr val="000000"/>
              </a:buClr>
              <a:buSzPct val="100000"/>
              <a:buFont typeface="Calibri"/>
              <a:buChar char="■"/>
              <a:defRPr sz="1800" b="0" i="0" u="none" strike="noStrike" cap="none">
                <a:solidFill>
                  <a:srgbClr val="000000"/>
                </a:solidFill>
                <a:latin typeface="Calibri"/>
                <a:ea typeface="Calibri"/>
                <a:cs typeface="Calibri"/>
                <a:sym typeface="Calibri"/>
              </a:defRPr>
            </a:lvl3pPr>
            <a:lvl4pPr marL="1228860" marR="0" lvl="3" indent="104640" algn="l" rtl="0">
              <a:lnSpc>
                <a:spcPct val="100000"/>
              </a:lnSpc>
              <a:spcBef>
                <a:spcPts val="0"/>
              </a:spcBef>
              <a:spcAft>
                <a:spcPts val="0"/>
              </a:spcAft>
              <a:buClr>
                <a:srgbClr val="000000"/>
              </a:buClr>
              <a:buSzPct val="100000"/>
              <a:buFont typeface="Calibri"/>
              <a:buChar char="●"/>
              <a:defRPr sz="1800" b="0" i="0" u="none" strike="noStrike" cap="none">
                <a:solidFill>
                  <a:srgbClr val="000000"/>
                </a:solidFill>
                <a:latin typeface="Calibri"/>
                <a:ea typeface="Calibri"/>
                <a:cs typeface="Calibri"/>
                <a:sym typeface="Calibri"/>
              </a:defRPr>
            </a:lvl4pPr>
            <a:lvl5pPr marL="1638479" marR="0" lvl="4" indent="114120" algn="l" rtl="0">
              <a:lnSpc>
                <a:spcPct val="100000"/>
              </a:lnSpc>
              <a:spcBef>
                <a:spcPts val="0"/>
              </a:spcBef>
              <a:spcAft>
                <a:spcPts val="0"/>
              </a:spcAft>
              <a:buClr>
                <a:srgbClr val="000000"/>
              </a:buClr>
              <a:buSzPct val="100000"/>
              <a:buFont typeface="Calibri"/>
              <a:buChar char="○"/>
              <a:defRPr sz="1800" b="0" i="0" u="none" strike="noStrike" cap="none">
                <a:solidFill>
                  <a:srgbClr val="000000"/>
                </a:solidFill>
                <a:latin typeface="Calibri"/>
                <a:ea typeface="Calibri"/>
                <a:cs typeface="Calibri"/>
                <a:sym typeface="Calibri"/>
              </a:defRPr>
            </a:lvl5pPr>
            <a:lvl6pPr marL="2048101" marR="0" lvl="5" indent="110899" algn="l" rtl="0">
              <a:lnSpc>
                <a:spcPct val="100000"/>
              </a:lnSpc>
              <a:spcBef>
                <a:spcPts val="0"/>
              </a:spcBef>
              <a:spcAft>
                <a:spcPts val="0"/>
              </a:spcAft>
              <a:buClr>
                <a:srgbClr val="000000"/>
              </a:buClr>
              <a:buSzPct val="100000"/>
              <a:buFont typeface="Calibri"/>
              <a:buChar char="■"/>
              <a:defRPr sz="1800" b="0" i="0" u="none" strike="noStrike" cap="none">
                <a:solidFill>
                  <a:srgbClr val="000000"/>
                </a:solidFill>
                <a:latin typeface="Calibri"/>
                <a:ea typeface="Calibri"/>
                <a:cs typeface="Calibri"/>
                <a:sym typeface="Calibri"/>
              </a:defRPr>
            </a:lvl6pPr>
            <a:lvl7pPr marL="2457721" marR="0" lvl="6" indent="107679" algn="l" rtl="0">
              <a:lnSpc>
                <a:spcPct val="100000"/>
              </a:lnSpc>
              <a:spcBef>
                <a:spcPts val="0"/>
              </a:spcBef>
              <a:spcAft>
                <a:spcPts val="0"/>
              </a:spcAft>
              <a:buClr>
                <a:srgbClr val="000000"/>
              </a:buClr>
              <a:buSzPct val="100000"/>
              <a:buFont typeface="Calibri"/>
              <a:buChar char="●"/>
              <a:defRPr sz="1800" b="0" i="0" u="none" strike="noStrike" cap="none">
                <a:solidFill>
                  <a:srgbClr val="000000"/>
                </a:solidFill>
                <a:latin typeface="Calibri"/>
                <a:ea typeface="Calibri"/>
                <a:cs typeface="Calibri"/>
                <a:sym typeface="Calibri"/>
              </a:defRPr>
            </a:lvl7pPr>
            <a:lvl8pPr marL="2867341" marR="0" lvl="7" indent="104458" algn="l" rtl="0">
              <a:lnSpc>
                <a:spcPct val="100000"/>
              </a:lnSpc>
              <a:spcBef>
                <a:spcPts val="0"/>
              </a:spcBef>
              <a:spcAft>
                <a:spcPts val="0"/>
              </a:spcAft>
              <a:buClr>
                <a:srgbClr val="000000"/>
              </a:buClr>
              <a:buSzPct val="100000"/>
              <a:buFont typeface="Calibri"/>
              <a:buChar char="○"/>
              <a:defRPr sz="1800" b="0" i="0" u="none" strike="noStrike" cap="none">
                <a:solidFill>
                  <a:srgbClr val="000000"/>
                </a:solidFill>
                <a:latin typeface="Calibri"/>
                <a:ea typeface="Calibri"/>
                <a:cs typeface="Calibri"/>
                <a:sym typeface="Calibri"/>
              </a:defRPr>
            </a:lvl8pPr>
            <a:lvl9pPr marL="3276960" marR="0" lvl="8" indent="113939" algn="l" rtl="0">
              <a:lnSpc>
                <a:spcPct val="100000"/>
              </a:lnSpc>
              <a:spcBef>
                <a:spcPts val="0"/>
              </a:spcBef>
              <a:spcAft>
                <a:spcPts val="0"/>
              </a:spcAft>
              <a:buClr>
                <a:srgbClr val="000000"/>
              </a:buClr>
              <a:buSzPct val="100000"/>
              <a:buFont typeface="Calibri"/>
              <a:buChar char="■"/>
              <a:defRPr sz="1800" b="0" i="0" u="none" strike="noStrike" cap="none">
                <a:solidFill>
                  <a:srgbClr val="000000"/>
                </a:solidFill>
                <a:latin typeface="Calibri"/>
                <a:ea typeface="Calibri"/>
                <a:cs typeface="Calibri"/>
                <a:sym typeface="Calibri"/>
              </a:defRPr>
            </a:lvl9pPr>
          </a:lstStyle>
          <a:p>
            <a:endParaRPr/>
          </a:p>
        </p:txBody>
      </p:sp>
      <p:sp>
        <p:nvSpPr>
          <p:cNvPr id="59" name="Shape 59"/>
          <p:cNvSpPr txBox="1">
            <a:spLocks noGrp="1"/>
          </p:cNvSpPr>
          <p:nvPr>
            <p:ph type="ftr" idx="11"/>
          </p:nvPr>
        </p:nvSpPr>
        <p:spPr>
          <a:xfrm>
            <a:off x="3108981" y="6377944"/>
            <a:ext cx="2926079" cy="246221"/>
          </a:xfrm>
          <a:prstGeom prst="rect">
            <a:avLst/>
          </a:prstGeom>
          <a:noFill/>
          <a:ln>
            <a:noFill/>
          </a:ln>
        </p:spPr>
        <p:txBody>
          <a:bodyPr wrap="square" lIns="91416" tIns="91416" rIns="91416" bIns="91416" anchor="t" anchorCtr="0"/>
          <a:lstStyle>
            <a:lvl1pPr marL="0" marR="0" lvl="0" indent="0" algn="ctr" rtl="0">
              <a:lnSpc>
                <a:spcPct val="100000"/>
              </a:lnSpc>
              <a:spcBef>
                <a:spcPts val="0"/>
              </a:spcBef>
              <a:spcAft>
                <a:spcPts val="0"/>
              </a:spcAft>
              <a:buClr>
                <a:srgbClr val="888888"/>
              </a:buClr>
              <a:buSzPct val="100000"/>
              <a:buFont typeface="Calibri"/>
              <a:buNone/>
              <a:defRPr sz="1900" b="0" i="0" u="none" strike="noStrike" cap="none">
                <a:solidFill>
                  <a:srgbClr val="888888"/>
                </a:solidFill>
                <a:latin typeface="Calibri"/>
                <a:ea typeface="Calibri"/>
                <a:cs typeface="Calibri"/>
                <a:sym typeface="Calibri"/>
              </a:defRPr>
            </a:lvl1pPr>
            <a:lvl2pPr marL="456515" marR="0" lvl="1" indent="-1206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2pPr>
            <a:lvl3pPr marL="913027" marR="0" lvl="2" indent="-11417"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3pPr>
            <a:lvl4pPr marL="1369540" marR="0" lvl="3" indent="-10776"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4pPr>
            <a:lvl5pPr marL="1826053" marR="0" lvl="4" indent="-10134"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5pPr>
            <a:lvl6pPr marL="2282570" marR="0" lvl="5" indent="-9494"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6pPr>
            <a:lvl7pPr marL="2739080" marR="0" lvl="6" indent="-885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7pPr>
            <a:lvl8pPr marL="3195593" marR="0" lvl="7" indent="-8213"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8pPr>
            <a:lvl9pPr marL="3652103" marR="0" lvl="8" indent="-757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60" name="Shape 60"/>
          <p:cNvSpPr txBox="1">
            <a:spLocks noGrp="1"/>
          </p:cNvSpPr>
          <p:nvPr>
            <p:ph type="dt" idx="10"/>
          </p:nvPr>
        </p:nvSpPr>
        <p:spPr>
          <a:xfrm>
            <a:off x="457200" y="6377944"/>
            <a:ext cx="2103120" cy="246221"/>
          </a:xfrm>
          <a:prstGeom prst="rect">
            <a:avLst/>
          </a:prstGeom>
          <a:noFill/>
          <a:ln>
            <a:noFill/>
          </a:ln>
        </p:spPr>
        <p:txBody>
          <a:bodyPr wrap="square" lIns="91416" tIns="91416" rIns="91416" bIns="91416" anchor="t" anchorCtr="0"/>
          <a:lstStyle>
            <a:lvl1pPr marL="0" marR="0" lvl="0" indent="0" algn="l" rtl="0">
              <a:lnSpc>
                <a:spcPct val="100000"/>
              </a:lnSpc>
              <a:spcBef>
                <a:spcPts val="0"/>
              </a:spcBef>
              <a:spcAft>
                <a:spcPts val="0"/>
              </a:spcAft>
              <a:buClr>
                <a:srgbClr val="888888"/>
              </a:buClr>
              <a:buSzPct val="100000"/>
              <a:buFont typeface="Calibri"/>
              <a:buNone/>
              <a:defRPr sz="1900" b="0" i="0" u="none" strike="noStrike" cap="none">
                <a:solidFill>
                  <a:srgbClr val="888888"/>
                </a:solidFill>
                <a:latin typeface="Calibri"/>
                <a:ea typeface="Calibri"/>
                <a:cs typeface="Calibri"/>
                <a:sym typeface="Calibri"/>
              </a:defRPr>
            </a:lvl1pPr>
            <a:lvl2pPr marL="456515" marR="0" lvl="1" indent="-1206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2pPr>
            <a:lvl3pPr marL="913027" marR="0" lvl="2" indent="-11417"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3pPr>
            <a:lvl4pPr marL="1369540" marR="0" lvl="3" indent="-10776"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4pPr>
            <a:lvl5pPr marL="1826053" marR="0" lvl="4" indent="-10134"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5pPr>
            <a:lvl6pPr marL="2282570" marR="0" lvl="5" indent="-9494"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6pPr>
            <a:lvl7pPr marL="2739080" marR="0" lvl="6" indent="-885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7pPr>
            <a:lvl8pPr marL="3195593" marR="0" lvl="7" indent="-8213"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8pPr>
            <a:lvl9pPr marL="3652103" marR="0" lvl="8" indent="-7570" algn="l" rtl="0">
              <a:lnSpc>
                <a:spcPct val="100000"/>
              </a:lnSpc>
              <a:spcBef>
                <a:spcPts val="0"/>
              </a:spcBef>
              <a:spcAft>
                <a:spcPts val="0"/>
              </a:spcAft>
              <a:buClr>
                <a:schemeClr val="dk1"/>
              </a:buClr>
              <a:buSzPct val="1000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61" name="Shape 61"/>
          <p:cNvSpPr txBox="1">
            <a:spLocks noGrp="1"/>
          </p:cNvSpPr>
          <p:nvPr>
            <p:ph type="sldNum" idx="12"/>
          </p:nvPr>
        </p:nvSpPr>
        <p:spPr>
          <a:xfrm>
            <a:off x="6583680" y="6377944"/>
            <a:ext cx="2103120" cy="246221"/>
          </a:xfrm>
          <a:prstGeom prst="rect">
            <a:avLst/>
          </a:prstGeom>
          <a:noFill/>
          <a:ln>
            <a:noFill/>
          </a:ln>
        </p:spPr>
        <p:txBody>
          <a:bodyPr wrap="square" lIns="0" tIns="0" rIns="0" bIns="0" anchor="t" anchorCtr="0">
            <a:noAutofit/>
          </a:bodyPr>
          <a:lstStyle/>
          <a:p>
            <a:pPr indent="-25398" algn="r">
              <a:buClr>
                <a:srgbClr val="888888"/>
              </a:buClr>
              <a:buSzPct val="25000"/>
            </a:pPr>
            <a:fld id="{00000000-1234-1234-1234-123412341234}" type="slidenum">
              <a:rPr lang="en-US" sz="1600" smtClean="0">
                <a:solidFill>
                  <a:srgbClr val="888888"/>
                </a:solidFill>
                <a:latin typeface="Calibri"/>
                <a:ea typeface="Calibri"/>
                <a:cs typeface="Calibri"/>
                <a:sym typeface="Calibri"/>
              </a:rPr>
              <a:pPr indent="-25398" algn="r">
                <a:buClr>
                  <a:srgbClr val="888888"/>
                </a:buClr>
                <a:buSzPct val="25000"/>
              </a:pPr>
              <a:t>‹#›</a:t>
            </a:fld>
            <a:endParaRPr lang="en-US" sz="1600">
              <a:solidFill>
                <a:srgbClr val="888888"/>
              </a:solidFill>
              <a:latin typeface="Calibri"/>
              <a:ea typeface="Calibri"/>
              <a:cs typeface="Calibri"/>
              <a:sym typeface="Calibri"/>
            </a:endParaRPr>
          </a:p>
        </p:txBody>
      </p:sp>
    </p:spTree>
    <p:extLst>
      <p:ext uri="{BB962C8B-B14F-4D97-AF65-F5344CB8AC3E}">
        <p14:creationId xmlns:p14="http://schemas.microsoft.com/office/powerpoint/2010/main" val="3409292238"/>
      </p:ext>
    </p:extLst>
  </p:cSld>
  <p:clrMap bg1="lt1" tx1="dk1" bg2="dk2" tx2="lt2" accent1="accent1" accent2="accent2" accent3="accent3" accent4="accent4" accent5="accent5" accent6="accent6" hlink="hlink" folHlink="folHlink"/>
  <p:sldLayoutIdLst>
    <p:sldLayoutId id="2147483667" r:id="rId1"/>
  </p:sldLayoutIdLst>
  <p:hf sldNum="0" hdr="0" ftr="0" dt="0"/>
  <p:txStyles>
    <p:titleStyle>
      <a:defPPr marR="0" lvl="0" algn="l" rtl="0">
        <a:lnSpc>
          <a:spcPct val="100000"/>
        </a:lnSpc>
        <a:spcBef>
          <a:spcPts val="0"/>
        </a:spcBef>
        <a:spcAft>
          <a:spcPts val="0"/>
        </a:spcAft>
      </a:defPPr>
      <a:lvl1pPr marR="0" lvl="0"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1pPr>
    </p:titleStyle>
    <p:bodyStyle>
      <a:defPPr marR="0" lvl="0" algn="l" rtl="0">
        <a:lnSpc>
          <a:spcPct val="100000"/>
        </a:lnSpc>
        <a:spcBef>
          <a:spcPts val="0"/>
        </a:spcBef>
        <a:spcAft>
          <a:spcPts val="0"/>
        </a:spcAft>
      </a:defPPr>
      <a:lvl1pPr marR="0" lvl="0"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None/>
        <a:defRPr sz="1500" b="0" i="0" u="none" strike="noStrike" cap="none">
          <a:solidFill>
            <a:srgbClr val="000000"/>
          </a:solidFill>
          <a:latin typeface="Arial"/>
          <a:ea typeface="Arial"/>
          <a:cs typeface="Arial"/>
          <a:sym typeface="Arial"/>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lt1"/>
        </a:solidFill>
        <a:effectLst/>
      </p:bgPr>
    </p:bg>
    <p:spTree>
      <p:nvGrpSpPr>
        <p:cNvPr id="1" name="Shape 9"/>
        <p:cNvGrpSpPr/>
        <p:nvPr/>
      </p:nvGrpSpPr>
      <p:grpSpPr>
        <a:xfrm>
          <a:off x="0" y="0"/>
          <a:ext cx="0" cy="0"/>
          <a:chOff x="0" y="0"/>
          <a:chExt cx="0" cy="0"/>
        </a:xfrm>
      </p:grpSpPr>
      <p:sp>
        <p:nvSpPr>
          <p:cNvPr id="10" name="Google Shape;10;p1"/>
          <p:cNvSpPr/>
          <p:nvPr/>
        </p:nvSpPr>
        <p:spPr>
          <a:xfrm>
            <a:off x="0" y="0"/>
            <a:ext cx="9144000" cy="1210235"/>
          </a:xfrm>
          <a:custGeom>
            <a:avLst/>
            <a:gdLst/>
            <a:ahLst/>
            <a:cxnLst/>
            <a:rect l="0" t="0" r="0" b="0"/>
            <a:pathLst>
              <a:path w="10058400" h="1371600" extrusionOk="0">
                <a:moveTo>
                  <a:pt x="0" y="1371599"/>
                </a:moveTo>
                <a:lnTo>
                  <a:pt x="10058399" y="1371599"/>
                </a:lnTo>
                <a:lnTo>
                  <a:pt x="10058399" y="0"/>
                </a:lnTo>
                <a:lnTo>
                  <a:pt x="0" y="0"/>
                </a:lnTo>
                <a:lnTo>
                  <a:pt x="0" y="1371599"/>
                </a:lnTo>
                <a:close/>
              </a:path>
            </a:pathLst>
          </a:custGeom>
          <a:solidFill>
            <a:srgbClr val="5F5F5F"/>
          </a:solidFill>
          <a:ln>
            <a:noFill/>
          </a:ln>
        </p:spPr>
        <p:txBody>
          <a:bodyPr spcFirstLastPara="1" wrap="square" lIns="0" tIns="0" rIns="0" bIns="0" anchor="t" anchorCtr="0">
            <a:noAutofit/>
          </a:bodyPr>
          <a:lstStyle/>
          <a:p>
            <a:pPr marL="0" marR="0" lvl="0" indent="0" algn="l" rtl="0">
              <a:spcBef>
                <a:spcPts val="0"/>
              </a:spcBef>
              <a:spcAft>
                <a:spcPts val="0"/>
              </a:spcAft>
              <a:buNone/>
            </a:pPr>
            <a:endParaRPr sz="1588">
              <a:solidFill>
                <a:schemeClr val="dk1"/>
              </a:solidFill>
              <a:latin typeface="Calibri"/>
              <a:ea typeface="Calibri"/>
              <a:cs typeface="Calibri"/>
              <a:sym typeface="Calibri"/>
            </a:endParaRPr>
          </a:p>
        </p:txBody>
      </p:sp>
      <p:sp>
        <p:nvSpPr>
          <p:cNvPr id="11" name="Google Shape;11;p1"/>
          <p:cNvSpPr/>
          <p:nvPr/>
        </p:nvSpPr>
        <p:spPr>
          <a:xfrm>
            <a:off x="207822" y="201710"/>
            <a:ext cx="1870375" cy="791537"/>
          </a:xfrm>
          <a:prstGeom prst="rect">
            <a:avLst/>
          </a:prstGeom>
          <a:blipFill rotWithShape="1">
            <a:blip r:embed="rId10">
              <a:alphaModFix/>
            </a:blip>
            <a:stretch>
              <a:fillRect/>
            </a:stretch>
          </a:blipFill>
          <a:ln>
            <a:noFill/>
          </a:ln>
        </p:spPr>
        <p:txBody>
          <a:bodyPr spcFirstLastPara="1" wrap="square" lIns="0" tIns="0" rIns="0" bIns="0" anchor="t" anchorCtr="0">
            <a:noAutofit/>
          </a:bodyPr>
          <a:lstStyle/>
          <a:p>
            <a:pPr marL="0" marR="0" lvl="0" indent="0" algn="l" rtl="0">
              <a:spcBef>
                <a:spcPts val="0"/>
              </a:spcBef>
              <a:spcAft>
                <a:spcPts val="0"/>
              </a:spcAft>
              <a:buNone/>
            </a:pPr>
            <a:endParaRPr sz="1588">
              <a:solidFill>
                <a:schemeClr val="dk1"/>
              </a:solidFill>
              <a:latin typeface="Calibri"/>
              <a:ea typeface="Calibri"/>
              <a:cs typeface="Calibri"/>
              <a:sym typeface="Calibri"/>
            </a:endParaRPr>
          </a:p>
        </p:txBody>
      </p:sp>
      <p:sp>
        <p:nvSpPr>
          <p:cNvPr id="12" name="Google Shape;12;p1"/>
          <p:cNvSpPr/>
          <p:nvPr/>
        </p:nvSpPr>
        <p:spPr>
          <a:xfrm>
            <a:off x="1458834" y="401710"/>
            <a:ext cx="56573" cy="58271"/>
          </a:xfrm>
          <a:custGeom>
            <a:avLst/>
            <a:gdLst/>
            <a:ahLst/>
            <a:cxnLst/>
            <a:rect l="0" t="0" r="0" b="0"/>
            <a:pathLst>
              <a:path w="62230" h="66040" extrusionOk="0">
                <a:moveTo>
                  <a:pt x="34704" y="0"/>
                </a:moveTo>
                <a:lnTo>
                  <a:pt x="19618" y="2550"/>
                </a:lnTo>
                <a:lnTo>
                  <a:pt x="7718" y="9828"/>
                </a:lnTo>
                <a:lnTo>
                  <a:pt x="0" y="20598"/>
                </a:lnTo>
                <a:lnTo>
                  <a:pt x="648" y="38925"/>
                </a:lnTo>
                <a:lnTo>
                  <a:pt x="5430" y="52285"/>
                </a:lnTo>
                <a:lnTo>
                  <a:pt x="13532" y="60957"/>
                </a:lnTo>
                <a:lnTo>
                  <a:pt x="24140" y="65219"/>
                </a:lnTo>
                <a:lnTo>
                  <a:pt x="30497" y="65784"/>
                </a:lnTo>
                <a:lnTo>
                  <a:pt x="44885" y="62920"/>
                </a:lnTo>
                <a:lnTo>
                  <a:pt x="55769" y="54960"/>
                </a:lnTo>
                <a:lnTo>
                  <a:pt x="62197" y="42853"/>
                </a:lnTo>
                <a:lnTo>
                  <a:pt x="60677" y="25862"/>
                </a:lnTo>
                <a:lnTo>
                  <a:pt x="54927" y="12846"/>
                </a:lnTo>
                <a:lnTo>
                  <a:pt x="45938" y="4120"/>
                </a:lnTo>
                <a:lnTo>
                  <a:pt x="34704" y="0"/>
                </a:lnTo>
                <a:close/>
              </a:path>
            </a:pathLst>
          </a:custGeom>
          <a:solidFill>
            <a:srgbClr val="ECB329"/>
          </a:solidFill>
          <a:ln>
            <a:noFill/>
          </a:ln>
        </p:spPr>
        <p:txBody>
          <a:bodyPr spcFirstLastPara="1" wrap="square" lIns="0" tIns="0" rIns="0" bIns="0" anchor="t" anchorCtr="0">
            <a:noAutofit/>
          </a:bodyPr>
          <a:lstStyle/>
          <a:p>
            <a:pPr marL="0" marR="0" lvl="0" indent="0" algn="l" rtl="0">
              <a:spcBef>
                <a:spcPts val="0"/>
              </a:spcBef>
              <a:spcAft>
                <a:spcPts val="0"/>
              </a:spcAft>
              <a:buNone/>
            </a:pPr>
            <a:endParaRPr sz="1588">
              <a:solidFill>
                <a:schemeClr val="dk1"/>
              </a:solidFill>
              <a:latin typeface="Calibri"/>
              <a:ea typeface="Calibri"/>
              <a:cs typeface="Calibri"/>
              <a:sym typeface="Calibri"/>
            </a:endParaRPr>
          </a:p>
        </p:txBody>
      </p:sp>
      <p:sp>
        <p:nvSpPr>
          <p:cNvPr id="13" name="Google Shape;13;p1"/>
          <p:cNvSpPr txBox="1">
            <a:spLocks noGrp="1"/>
          </p:cNvSpPr>
          <p:nvPr>
            <p:ph type="title"/>
          </p:nvPr>
        </p:nvSpPr>
        <p:spPr>
          <a:xfrm>
            <a:off x="457205" y="274324"/>
            <a:ext cx="8229599"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b="0" i="0" u="none" strike="noStrike" cap="none">
                <a:latin typeface="Calibri"/>
                <a:ea typeface="Calibri"/>
                <a:cs typeface="Calibri"/>
                <a:sym typeface="Calibri"/>
              </a:defRPr>
            </a:lvl1pPr>
            <a:lvl2pPr lvl="1">
              <a:spcBef>
                <a:spcPts val="0"/>
              </a:spcBef>
              <a:spcAft>
                <a:spcPts val="0"/>
              </a:spcAft>
              <a:buSzPts val="1400"/>
              <a:buNone/>
              <a:defRPr sz="1800"/>
            </a:lvl2pPr>
            <a:lvl3pPr lvl="2">
              <a:spcBef>
                <a:spcPts val="0"/>
              </a:spcBef>
              <a:spcAft>
                <a:spcPts val="0"/>
              </a:spcAft>
              <a:buSzPts val="1400"/>
              <a:buNone/>
              <a:defRPr sz="1800"/>
            </a:lvl3pPr>
            <a:lvl4pPr lvl="3">
              <a:spcBef>
                <a:spcPts val="0"/>
              </a:spcBef>
              <a:spcAft>
                <a:spcPts val="0"/>
              </a:spcAft>
              <a:buSzPts val="1400"/>
              <a:buNone/>
              <a:defRPr sz="1800"/>
            </a:lvl4pPr>
            <a:lvl5pPr lvl="4">
              <a:spcBef>
                <a:spcPts val="0"/>
              </a:spcBef>
              <a:spcAft>
                <a:spcPts val="0"/>
              </a:spcAft>
              <a:buSzPts val="1400"/>
              <a:buNone/>
              <a:defRPr sz="1800"/>
            </a:lvl5pPr>
            <a:lvl6pPr lvl="5">
              <a:spcBef>
                <a:spcPts val="0"/>
              </a:spcBef>
              <a:spcAft>
                <a:spcPts val="0"/>
              </a:spcAft>
              <a:buSzPts val="1400"/>
              <a:buNone/>
              <a:defRPr sz="1800"/>
            </a:lvl6pPr>
            <a:lvl7pPr lvl="6">
              <a:spcBef>
                <a:spcPts val="0"/>
              </a:spcBef>
              <a:spcAft>
                <a:spcPts val="0"/>
              </a:spcAft>
              <a:buSzPts val="1400"/>
              <a:buNone/>
              <a:defRPr sz="1800"/>
            </a:lvl7pPr>
            <a:lvl8pPr lvl="7">
              <a:spcBef>
                <a:spcPts val="0"/>
              </a:spcBef>
              <a:spcAft>
                <a:spcPts val="0"/>
              </a:spcAft>
              <a:buSzPts val="1400"/>
              <a:buNone/>
              <a:defRPr sz="1800"/>
            </a:lvl8pPr>
            <a:lvl9pPr lvl="8">
              <a:spcBef>
                <a:spcPts val="0"/>
              </a:spcBef>
              <a:spcAft>
                <a:spcPts val="0"/>
              </a:spcAft>
              <a:buSzPts val="1400"/>
              <a:buNone/>
              <a:defRPr sz="1800"/>
            </a:lvl9pPr>
          </a:lstStyle>
          <a:p>
            <a:endParaRPr/>
          </a:p>
        </p:txBody>
      </p:sp>
      <p:sp>
        <p:nvSpPr>
          <p:cNvPr id="14" name="Google Shape;14;p1"/>
          <p:cNvSpPr txBox="1">
            <a:spLocks noGrp="1"/>
          </p:cNvSpPr>
          <p:nvPr>
            <p:ph type="body" idx="1"/>
          </p:nvPr>
        </p:nvSpPr>
        <p:spPr>
          <a:xfrm>
            <a:off x="457205" y="1577344"/>
            <a:ext cx="8229599" cy="276999"/>
          </a:xfrm>
          <a:prstGeom prst="rect">
            <a:avLst/>
          </a:prstGeom>
          <a:noFill/>
          <a:ln>
            <a:noFill/>
          </a:ln>
        </p:spPr>
        <p:txBody>
          <a:bodyPr spcFirstLastPara="1" wrap="square" lIns="0" tIns="0" rIns="0" bIns="0" anchor="t" anchorCtr="0"/>
          <a:lstStyle>
            <a:lvl1pPr marL="457200" marR="0" lvl="0" indent="-228600" algn="l" rtl="0">
              <a:spcBef>
                <a:spcPts val="0"/>
              </a:spcBef>
              <a:spcAft>
                <a:spcPts val="0"/>
              </a:spcAft>
              <a:buSzPts val="1400"/>
              <a:buNone/>
              <a:defRPr sz="1800" b="0" i="0" u="none" strike="noStrike" cap="none">
                <a:latin typeface="Calibri"/>
                <a:ea typeface="Calibri"/>
                <a:cs typeface="Calibri"/>
                <a:sym typeface="Calibri"/>
              </a:defRPr>
            </a:lvl1pPr>
            <a:lvl2pPr marL="914400" marR="0" lvl="1" indent="-228600" algn="l" rtl="0">
              <a:spcBef>
                <a:spcPts val="0"/>
              </a:spcBef>
              <a:spcAft>
                <a:spcPts val="0"/>
              </a:spcAft>
              <a:buSzPts val="1400"/>
              <a:buNone/>
              <a:defRPr sz="1800" b="0" i="0" u="none" strike="noStrike" cap="none">
                <a:latin typeface="Calibri"/>
                <a:ea typeface="Calibri"/>
                <a:cs typeface="Calibri"/>
                <a:sym typeface="Calibri"/>
              </a:defRPr>
            </a:lvl2pPr>
            <a:lvl3pPr marL="1371600" marR="0" lvl="2" indent="-228600" algn="l" rtl="0">
              <a:spcBef>
                <a:spcPts val="0"/>
              </a:spcBef>
              <a:spcAft>
                <a:spcPts val="0"/>
              </a:spcAft>
              <a:buSzPts val="1400"/>
              <a:buNone/>
              <a:defRPr sz="1800" b="0" i="0" u="none" strike="noStrike" cap="none">
                <a:latin typeface="Calibri"/>
                <a:ea typeface="Calibri"/>
                <a:cs typeface="Calibri"/>
                <a:sym typeface="Calibri"/>
              </a:defRPr>
            </a:lvl3pPr>
            <a:lvl4pPr marL="1828800" marR="0" lvl="3" indent="-228600" algn="l" rtl="0">
              <a:spcBef>
                <a:spcPts val="0"/>
              </a:spcBef>
              <a:spcAft>
                <a:spcPts val="0"/>
              </a:spcAft>
              <a:buSzPts val="1400"/>
              <a:buNone/>
              <a:defRPr sz="1800" b="0" i="0" u="none" strike="noStrike" cap="none">
                <a:latin typeface="Calibri"/>
                <a:ea typeface="Calibri"/>
                <a:cs typeface="Calibri"/>
                <a:sym typeface="Calibri"/>
              </a:defRPr>
            </a:lvl4pPr>
            <a:lvl5pPr marL="2286000" marR="0" lvl="4" indent="-228600" algn="l" rtl="0">
              <a:spcBef>
                <a:spcPts val="0"/>
              </a:spcBef>
              <a:spcAft>
                <a:spcPts val="0"/>
              </a:spcAft>
              <a:buSzPts val="1400"/>
              <a:buNone/>
              <a:defRPr sz="1800" b="0" i="0" u="none" strike="noStrike" cap="none">
                <a:latin typeface="Calibri"/>
                <a:ea typeface="Calibri"/>
                <a:cs typeface="Calibri"/>
                <a:sym typeface="Calibri"/>
              </a:defRPr>
            </a:lvl5pPr>
            <a:lvl6pPr marL="2743200" marR="0" lvl="5" indent="-228600" algn="l" rtl="0">
              <a:spcBef>
                <a:spcPts val="0"/>
              </a:spcBef>
              <a:spcAft>
                <a:spcPts val="0"/>
              </a:spcAft>
              <a:buSzPts val="1400"/>
              <a:buNone/>
              <a:defRPr sz="1800" b="0" i="0" u="none" strike="noStrike" cap="none">
                <a:latin typeface="Calibri"/>
                <a:ea typeface="Calibri"/>
                <a:cs typeface="Calibri"/>
                <a:sym typeface="Calibri"/>
              </a:defRPr>
            </a:lvl6pPr>
            <a:lvl7pPr marL="3200400" marR="0" lvl="6" indent="-228600" algn="l" rtl="0">
              <a:spcBef>
                <a:spcPts val="0"/>
              </a:spcBef>
              <a:spcAft>
                <a:spcPts val="0"/>
              </a:spcAft>
              <a:buSzPts val="1400"/>
              <a:buNone/>
              <a:defRPr sz="1800" b="0" i="0" u="none" strike="noStrike" cap="none">
                <a:latin typeface="Calibri"/>
                <a:ea typeface="Calibri"/>
                <a:cs typeface="Calibri"/>
                <a:sym typeface="Calibri"/>
              </a:defRPr>
            </a:lvl7pPr>
            <a:lvl8pPr marL="3657600" marR="0" lvl="7" indent="-228600" algn="l" rtl="0">
              <a:spcBef>
                <a:spcPts val="0"/>
              </a:spcBef>
              <a:spcAft>
                <a:spcPts val="0"/>
              </a:spcAft>
              <a:buSzPts val="1400"/>
              <a:buNone/>
              <a:defRPr sz="1800" b="0" i="0" u="none" strike="noStrike" cap="none">
                <a:latin typeface="Calibri"/>
                <a:ea typeface="Calibri"/>
                <a:cs typeface="Calibri"/>
                <a:sym typeface="Calibri"/>
              </a:defRPr>
            </a:lvl8pPr>
            <a:lvl9pPr marL="4114800" marR="0" lvl="8" indent="-228600" algn="l" rtl="0">
              <a:spcBef>
                <a:spcPts val="0"/>
              </a:spcBef>
              <a:spcAft>
                <a:spcPts val="0"/>
              </a:spcAft>
              <a:buSzPts val="1400"/>
              <a:buNone/>
              <a:defRPr sz="1800" b="0" i="0" u="none" strike="noStrike" cap="none">
                <a:latin typeface="Calibri"/>
                <a:ea typeface="Calibri"/>
                <a:cs typeface="Calibri"/>
                <a:sym typeface="Calibri"/>
              </a:defRPr>
            </a:lvl9pPr>
          </a:lstStyle>
          <a:p>
            <a:endParaRPr/>
          </a:p>
        </p:txBody>
      </p:sp>
      <p:sp>
        <p:nvSpPr>
          <p:cNvPr id="15" name="Google Shape;15;p1"/>
          <p:cNvSpPr txBox="1">
            <a:spLocks noGrp="1"/>
          </p:cNvSpPr>
          <p:nvPr>
            <p:ph type="ftr" idx="11"/>
          </p:nvPr>
        </p:nvSpPr>
        <p:spPr>
          <a:xfrm>
            <a:off x="3108965" y="6377942"/>
            <a:ext cx="2926079" cy="276999"/>
          </a:xfrm>
          <a:prstGeom prst="rect">
            <a:avLst/>
          </a:prstGeom>
          <a:noFill/>
          <a:ln>
            <a:noFill/>
          </a:ln>
        </p:spPr>
        <p:txBody>
          <a:bodyPr spcFirstLastPara="1" wrap="square" lIns="0" tIns="0" rIns="0" bIns="0" anchor="t" anchorCtr="0"/>
          <a:lstStyle>
            <a:lvl1pPr marR="0" lvl="0" algn="ctr"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endParaRPr/>
          </a:p>
        </p:txBody>
      </p:sp>
      <p:sp>
        <p:nvSpPr>
          <p:cNvPr id="16" name="Google Shape;16;p1"/>
          <p:cNvSpPr txBox="1">
            <a:spLocks noGrp="1"/>
          </p:cNvSpPr>
          <p:nvPr>
            <p:ph type="dt" idx="10"/>
          </p:nvPr>
        </p:nvSpPr>
        <p:spPr>
          <a:xfrm>
            <a:off x="457200" y="6377942"/>
            <a:ext cx="2103120" cy="276999"/>
          </a:xfrm>
          <a:prstGeom prst="rect">
            <a:avLst/>
          </a:prstGeom>
          <a:noFill/>
          <a:ln>
            <a:noFill/>
          </a:ln>
        </p:spPr>
        <p:txBody>
          <a:bodyPr spcFirstLastPara="1" wrap="square" lIns="0" tIns="0" rIns="0" bIns="0" anchor="t" anchorCtr="0"/>
          <a:lstStyle>
            <a:lvl1pPr marR="0" lvl="0" algn="l" rtl="0">
              <a:spcBef>
                <a:spcPts val="0"/>
              </a:spcBef>
              <a:spcAft>
                <a:spcPts val="0"/>
              </a:spcAft>
              <a:buSzPts val="1400"/>
              <a:buNone/>
              <a:defRPr sz="1800">
                <a:solidFill>
                  <a:srgbClr val="888888"/>
                </a:solidFill>
                <a:latin typeface="Calibri"/>
                <a:ea typeface="Calibri"/>
                <a:cs typeface="Calibri"/>
                <a:sym typeface="Calibri"/>
              </a:defRPr>
            </a:lvl1pPr>
            <a:lvl2pPr marR="0" lvl="1"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2pPr>
            <a:lvl3pPr marR="0" lvl="2"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3pPr>
            <a:lvl4pPr marR="0" lvl="3"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4pPr>
            <a:lvl5pPr marR="0" lvl="4"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5pPr>
            <a:lvl6pPr marR="0" lvl="5"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6pPr>
            <a:lvl7pPr marR="0" lvl="6"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7pPr>
            <a:lvl8pPr marR="0" lvl="7"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8pPr>
            <a:lvl9pPr marR="0" lvl="8" algn="l" rtl="0">
              <a:spcBef>
                <a:spcPts val="0"/>
              </a:spcBef>
              <a:spcAft>
                <a:spcPts val="0"/>
              </a:spcAft>
              <a:buSzPts val="1400"/>
              <a:buNone/>
              <a:defRPr sz="1800" b="0" i="0" u="none" strike="noStrike" cap="none">
                <a:solidFill>
                  <a:schemeClr val="dk1"/>
                </a:solidFill>
                <a:latin typeface="Calibri"/>
                <a:ea typeface="Calibri"/>
                <a:cs typeface="Calibri"/>
                <a:sym typeface="Calibri"/>
              </a:defRPr>
            </a:lvl9pPr>
          </a:lstStyle>
          <a:p>
            <a:endParaRPr/>
          </a:p>
        </p:txBody>
      </p:sp>
      <p:sp>
        <p:nvSpPr>
          <p:cNvPr id="17" name="Google Shape;17;p1"/>
          <p:cNvSpPr txBox="1">
            <a:spLocks noGrp="1"/>
          </p:cNvSpPr>
          <p:nvPr>
            <p:ph type="sldNum" idx="12"/>
          </p:nvPr>
        </p:nvSpPr>
        <p:spPr>
          <a:xfrm>
            <a:off x="6583680" y="6377942"/>
            <a:ext cx="2103120" cy="276999"/>
          </a:xfrm>
          <a:prstGeom prst="rect">
            <a:avLst/>
          </a:prstGeom>
          <a:noFill/>
          <a:ln>
            <a:noFill/>
          </a:ln>
        </p:spPr>
        <p:txBody>
          <a:bodyPr spcFirstLastPara="1" wrap="square" lIns="0" tIns="0" rIns="0" bIns="0" anchor="t" anchorCtr="0">
            <a:noAutofit/>
          </a:bodyPr>
          <a:lstStyle>
            <a:lvl1pPr marL="0" marR="0" lvl="0" indent="0" algn="r" rtl="0">
              <a:spcBef>
                <a:spcPts val="0"/>
              </a:spcBef>
              <a:buNone/>
              <a:defRPr sz="1800">
                <a:solidFill>
                  <a:srgbClr val="888888"/>
                </a:solidFill>
                <a:latin typeface="Calibri"/>
                <a:ea typeface="Calibri"/>
                <a:cs typeface="Calibri"/>
                <a:sym typeface="Calibri"/>
              </a:defRPr>
            </a:lvl1pPr>
            <a:lvl2pPr marL="0" marR="0" lvl="1" indent="0" algn="r" rtl="0">
              <a:spcBef>
                <a:spcPts val="0"/>
              </a:spcBef>
              <a:buNone/>
              <a:defRPr sz="1800">
                <a:solidFill>
                  <a:srgbClr val="888888"/>
                </a:solidFill>
                <a:latin typeface="Calibri"/>
                <a:ea typeface="Calibri"/>
                <a:cs typeface="Calibri"/>
                <a:sym typeface="Calibri"/>
              </a:defRPr>
            </a:lvl2pPr>
            <a:lvl3pPr marL="0" marR="0" lvl="2" indent="0" algn="r" rtl="0">
              <a:spcBef>
                <a:spcPts val="0"/>
              </a:spcBef>
              <a:buNone/>
              <a:defRPr sz="1800">
                <a:solidFill>
                  <a:srgbClr val="888888"/>
                </a:solidFill>
                <a:latin typeface="Calibri"/>
                <a:ea typeface="Calibri"/>
                <a:cs typeface="Calibri"/>
                <a:sym typeface="Calibri"/>
              </a:defRPr>
            </a:lvl3pPr>
            <a:lvl4pPr marL="0" marR="0" lvl="3" indent="0" algn="r" rtl="0">
              <a:spcBef>
                <a:spcPts val="0"/>
              </a:spcBef>
              <a:buNone/>
              <a:defRPr sz="1800">
                <a:solidFill>
                  <a:srgbClr val="888888"/>
                </a:solidFill>
                <a:latin typeface="Calibri"/>
                <a:ea typeface="Calibri"/>
                <a:cs typeface="Calibri"/>
                <a:sym typeface="Calibri"/>
              </a:defRPr>
            </a:lvl4pPr>
            <a:lvl5pPr marL="0" marR="0" lvl="4" indent="0" algn="r" rtl="0">
              <a:spcBef>
                <a:spcPts val="0"/>
              </a:spcBef>
              <a:buNone/>
              <a:defRPr sz="1800">
                <a:solidFill>
                  <a:srgbClr val="888888"/>
                </a:solidFill>
                <a:latin typeface="Calibri"/>
                <a:ea typeface="Calibri"/>
                <a:cs typeface="Calibri"/>
                <a:sym typeface="Calibri"/>
              </a:defRPr>
            </a:lvl5pPr>
            <a:lvl6pPr marL="0" marR="0" lvl="5" indent="0" algn="r" rtl="0">
              <a:spcBef>
                <a:spcPts val="0"/>
              </a:spcBef>
              <a:buNone/>
              <a:defRPr sz="1800">
                <a:solidFill>
                  <a:srgbClr val="888888"/>
                </a:solidFill>
                <a:latin typeface="Calibri"/>
                <a:ea typeface="Calibri"/>
                <a:cs typeface="Calibri"/>
                <a:sym typeface="Calibri"/>
              </a:defRPr>
            </a:lvl6pPr>
            <a:lvl7pPr marL="0" marR="0" lvl="6" indent="0" algn="r" rtl="0">
              <a:spcBef>
                <a:spcPts val="0"/>
              </a:spcBef>
              <a:buNone/>
              <a:defRPr sz="1800">
                <a:solidFill>
                  <a:srgbClr val="888888"/>
                </a:solidFill>
                <a:latin typeface="Calibri"/>
                <a:ea typeface="Calibri"/>
                <a:cs typeface="Calibri"/>
                <a:sym typeface="Calibri"/>
              </a:defRPr>
            </a:lvl7pPr>
            <a:lvl8pPr marL="0" marR="0" lvl="7" indent="0" algn="r" rtl="0">
              <a:spcBef>
                <a:spcPts val="0"/>
              </a:spcBef>
              <a:buNone/>
              <a:defRPr sz="1800">
                <a:solidFill>
                  <a:srgbClr val="888888"/>
                </a:solidFill>
                <a:latin typeface="Calibri"/>
                <a:ea typeface="Calibri"/>
                <a:cs typeface="Calibri"/>
                <a:sym typeface="Calibri"/>
              </a:defRPr>
            </a:lvl8pPr>
            <a:lvl9pPr marL="0" marR="0" lvl="8" indent="0" algn="r" rtl="0">
              <a:spcBef>
                <a:spcPts val="0"/>
              </a:spcBef>
              <a:buNone/>
              <a:defRPr sz="1800">
                <a:solidFill>
                  <a:srgbClr val="888888"/>
                </a:solidFill>
                <a:latin typeface="Calibri"/>
                <a:ea typeface="Calibri"/>
                <a:cs typeface="Calibri"/>
                <a:sym typeface="Calibri"/>
              </a:defRPr>
            </a:lvl9pPr>
          </a:lstStyle>
          <a:p>
            <a:pPr marL="0" marR="0" lvl="0" indent="0" algn="r" rtl="0">
              <a:spcBef>
                <a:spcPts val="0"/>
              </a:spcBef>
              <a:buSzPct val="25000"/>
              <a:buNone/>
            </a:pPr>
            <a:fld id="{00000000-1234-1234-1234-123412341234}" type="slidenum">
              <a:rPr lang="en-US" sz="1200" b="0" i="0" u="none" strike="noStrike" cap="none" smtClean="0">
                <a:solidFill>
                  <a:srgbClr val="888888"/>
                </a:solidFill>
                <a:latin typeface="Arial"/>
                <a:ea typeface="Arial"/>
                <a:cs typeface="Arial"/>
                <a:sym typeface="Arial"/>
              </a:rPr>
              <a:t>‹#›</a:t>
            </a:fld>
            <a:endParaRPr lang="en-US" sz="1200" b="0" i="0" u="none" strike="noStrike" cap="none">
              <a:solidFill>
                <a:srgbClr val="888888"/>
              </a:solidFill>
              <a:latin typeface="Arial"/>
              <a:ea typeface="Arial"/>
              <a:cs typeface="Arial"/>
              <a:sym typeface="Arial"/>
            </a:endParaRPr>
          </a:p>
        </p:txBody>
      </p:sp>
    </p:spTree>
    <p:extLst>
      <p:ext uri="{BB962C8B-B14F-4D97-AF65-F5344CB8AC3E}">
        <p14:creationId xmlns:p14="http://schemas.microsoft.com/office/powerpoint/2010/main" val="3258463458"/>
      </p:ext>
    </p:extLst>
  </p:cSld>
  <p:clrMap bg1="lt1" tx1="dk1" bg2="dk2" tx2="lt2" accent1="accent1" accent2="accent2" accent3="accent3" accent4="accent4" accent5="accent5" accent6="accent6" hlink="hlink" folHlink="folHlink"/>
  <p:sldLayoutIdLst>
    <p:sldLayoutId id="2147483670" r:id="rId1"/>
    <p:sldLayoutId id="2147483671" r:id="rId2"/>
    <p:sldLayoutId id="2147483672" r:id="rId3"/>
    <p:sldLayoutId id="2147483673" r:id="rId4"/>
    <p:sldLayoutId id="2147483674" r:id="rId5"/>
    <p:sldLayoutId id="2147483675" r:id="rId6"/>
    <p:sldLayoutId id="2147483676" r:id="rId7"/>
    <p:sldLayoutId id="2147483678" r:id="rId8"/>
  </p:sldLayoutIdLst>
  <p:hf hdr="0" ftr="0" dt="0"/>
  <p:txStyles>
    <p:title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lt1"/>
        </a:solidFill>
        <a:effectLst/>
      </p:bgPr>
    </p:bg>
    <p:spTree>
      <p:nvGrpSpPr>
        <p:cNvPr id="1" name="Shape 52"/>
        <p:cNvGrpSpPr/>
        <p:nvPr/>
      </p:nvGrpSpPr>
      <p:grpSpPr>
        <a:xfrm>
          <a:off x="0" y="0"/>
          <a:ext cx="0" cy="0"/>
          <a:chOff x="0" y="0"/>
          <a:chExt cx="0" cy="0"/>
        </a:xfrm>
      </p:grpSpPr>
      <p:sp>
        <p:nvSpPr>
          <p:cNvPr id="53" name="Google Shape;53;p8"/>
          <p:cNvSpPr/>
          <p:nvPr/>
        </p:nvSpPr>
        <p:spPr>
          <a:xfrm>
            <a:off x="0" y="1"/>
            <a:ext cx="9144000" cy="1210200"/>
          </a:xfrm>
          <a:custGeom>
            <a:avLst/>
            <a:gdLst/>
            <a:ahLst/>
            <a:cxnLst/>
            <a:rect l="0" t="0" r="0" b="0"/>
            <a:pathLst>
              <a:path w="120000" h="120000" extrusionOk="0">
                <a:moveTo>
                  <a:pt x="0" y="119999"/>
                </a:moveTo>
                <a:lnTo>
                  <a:pt x="119999" y="119999"/>
                </a:lnTo>
                <a:lnTo>
                  <a:pt x="119999" y="0"/>
                </a:lnTo>
                <a:lnTo>
                  <a:pt x="0" y="0"/>
                </a:lnTo>
                <a:lnTo>
                  <a:pt x="0" y="119999"/>
                </a:lnTo>
                <a:close/>
              </a:path>
            </a:pathLst>
          </a:custGeom>
          <a:solidFill>
            <a:srgbClr val="5F5F5F"/>
          </a:solidFill>
          <a:ln>
            <a:noFill/>
          </a:ln>
        </p:spPr>
        <p:txBody>
          <a:bodyPr spcFirstLastPara="1" wrap="square" lIns="0" tIns="0" rIns="0" bIns="0" anchor="t" anchorCtr="0">
            <a:noAutofit/>
          </a:bodyPr>
          <a:lstStyle/>
          <a:p>
            <a:pPr marL="0" marR="0" lvl="0" indent="0" algn="l" rtl="0">
              <a:spcBef>
                <a:spcPts val="0"/>
              </a:spcBef>
              <a:spcAft>
                <a:spcPts val="0"/>
              </a:spcAft>
              <a:buClr>
                <a:srgbClr val="000000"/>
              </a:buClr>
              <a:buSzPts val="1900"/>
              <a:buFont typeface="Arial"/>
              <a:buNone/>
            </a:pPr>
            <a:endParaRPr sz="1900">
              <a:solidFill>
                <a:srgbClr val="000000"/>
              </a:solidFill>
              <a:latin typeface="Arial"/>
              <a:ea typeface="Arial"/>
              <a:cs typeface="Arial"/>
              <a:sym typeface="Arial"/>
            </a:endParaRPr>
          </a:p>
        </p:txBody>
      </p:sp>
      <p:sp>
        <p:nvSpPr>
          <p:cNvPr id="54" name="Google Shape;54;p8"/>
          <p:cNvSpPr/>
          <p:nvPr/>
        </p:nvSpPr>
        <p:spPr>
          <a:xfrm>
            <a:off x="207819" y="201707"/>
            <a:ext cx="1870500" cy="791400"/>
          </a:xfrm>
          <a:prstGeom prst="rect">
            <a:avLst/>
          </a:prstGeom>
          <a:blipFill rotWithShape="1">
            <a:blip r:embed="rId15">
              <a:alphaModFix/>
            </a:blip>
            <a:stretch>
              <a:fillRect/>
            </a:stretch>
          </a:blipFill>
          <a:ln>
            <a:noFill/>
          </a:ln>
        </p:spPr>
        <p:txBody>
          <a:bodyPr spcFirstLastPara="1" wrap="square" lIns="0" tIns="0" rIns="0" bIns="0" anchor="t" anchorCtr="0">
            <a:noAutofit/>
          </a:bodyPr>
          <a:lstStyle/>
          <a:p>
            <a:pPr marL="0" marR="0" lvl="0" indent="0" algn="l" rtl="0">
              <a:spcBef>
                <a:spcPts val="0"/>
              </a:spcBef>
              <a:spcAft>
                <a:spcPts val="0"/>
              </a:spcAft>
              <a:buClr>
                <a:srgbClr val="000000"/>
              </a:buClr>
              <a:buSzPts val="1900"/>
              <a:buFont typeface="Arial"/>
              <a:buNone/>
            </a:pPr>
            <a:endParaRPr sz="1900">
              <a:solidFill>
                <a:srgbClr val="000000"/>
              </a:solidFill>
              <a:latin typeface="Calibri"/>
              <a:ea typeface="Calibri"/>
              <a:cs typeface="Calibri"/>
              <a:sym typeface="Calibri"/>
            </a:endParaRPr>
          </a:p>
        </p:txBody>
      </p:sp>
      <p:sp>
        <p:nvSpPr>
          <p:cNvPr id="55" name="Google Shape;55;p8"/>
          <p:cNvSpPr/>
          <p:nvPr/>
        </p:nvSpPr>
        <p:spPr>
          <a:xfrm>
            <a:off x="1459059" y="402018"/>
            <a:ext cx="56400" cy="57300"/>
          </a:xfrm>
          <a:custGeom>
            <a:avLst/>
            <a:gdLst/>
            <a:ahLst/>
            <a:cxnLst/>
            <a:rect l="0" t="0" r="0" b="0"/>
            <a:pathLst>
              <a:path w="120000" h="120000" extrusionOk="0">
                <a:moveTo>
                  <a:pt x="66920" y="0"/>
                </a:moveTo>
                <a:lnTo>
                  <a:pt x="37829" y="4633"/>
                </a:lnTo>
                <a:lnTo>
                  <a:pt x="14882" y="17858"/>
                </a:lnTo>
                <a:lnTo>
                  <a:pt x="0" y="37428"/>
                </a:lnTo>
                <a:lnTo>
                  <a:pt x="1249" y="70729"/>
                </a:lnTo>
                <a:lnTo>
                  <a:pt x="10470" y="95006"/>
                </a:lnTo>
                <a:lnTo>
                  <a:pt x="26094" y="110763"/>
                </a:lnTo>
                <a:lnTo>
                  <a:pt x="46549" y="118508"/>
                </a:lnTo>
                <a:lnTo>
                  <a:pt x="58808" y="119534"/>
                </a:lnTo>
                <a:lnTo>
                  <a:pt x="86553" y="114330"/>
                </a:lnTo>
                <a:lnTo>
                  <a:pt x="107541" y="99866"/>
                </a:lnTo>
                <a:lnTo>
                  <a:pt x="119936" y="77867"/>
                </a:lnTo>
                <a:lnTo>
                  <a:pt x="117005" y="46993"/>
                </a:lnTo>
                <a:lnTo>
                  <a:pt x="105917" y="23342"/>
                </a:lnTo>
                <a:lnTo>
                  <a:pt x="88583" y="7486"/>
                </a:lnTo>
                <a:lnTo>
                  <a:pt x="66920" y="0"/>
                </a:lnTo>
                <a:close/>
              </a:path>
            </a:pathLst>
          </a:custGeom>
          <a:solidFill>
            <a:srgbClr val="ECB329"/>
          </a:solidFill>
          <a:ln>
            <a:noFill/>
          </a:ln>
        </p:spPr>
        <p:txBody>
          <a:bodyPr spcFirstLastPara="1" wrap="square" lIns="0" tIns="0" rIns="0" bIns="0" anchor="t" anchorCtr="0">
            <a:noAutofit/>
          </a:bodyPr>
          <a:lstStyle/>
          <a:p>
            <a:pPr marL="0" marR="0" lvl="0" indent="0" algn="l" rtl="0">
              <a:spcBef>
                <a:spcPts val="0"/>
              </a:spcBef>
              <a:spcAft>
                <a:spcPts val="0"/>
              </a:spcAft>
              <a:buClr>
                <a:srgbClr val="000000"/>
              </a:buClr>
              <a:buSzPts val="1900"/>
              <a:buFont typeface="Arial"/>
              <a:buNone/>
            </a:pPr>
            <a:endParaRPr sz="1900">
              <a:solidFill>
                <a:srgbClr val="000000"/>
              </a:solidFill>
              <a:latin typeface="Arial"/>
              <a:ea typeface="Arial"/>
              <a:cs typeface="Arial"/>
              <a:sym typeface="Arial"/>
            </a:endParaRPr>
          </a:p>
        </p:txBody>
      </p:sp>
      <p:sp>
        <p:nvSpPr>
          <p:cNvPr id="56" name="Google Shape;56;p8"/>
          <p:cNvSpPr txBox="1">
            <a:spLocks noGrp="1"/>
          </p:cNvSpPr>
          <p:nvPr>
            <p:ph type="title"/>
          </p:nvPr>
        </p:nvSpPr>
        <p:spPr>
          <a:xfrm>
            <a:off x="457502" y="274558"/>
            <a:ext cx="82290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chemeClr val="dk2"/>
              </a:buClr>
              <a:buSzPts val="1800"/>
              <a:buFont typeface="Calibri"/>
              <a:buNone/>
              <a:defRPr sz="1800" b="0" i="0" u="none" strike="noStrike" cap="none">
                <a:solidFill>
                  <a:schemeClr val="dk2"/>
                </a:solidFill>
                <a:latin typeface="Calibri"/>
                <a:ea typeface="Calibri"/>
                <a:cs typeface="Calibri"/>
                <a:sym typeface="Calibri"/>
              </a:defRPr>
            </a:lvl1pPr>
            <a:lvl2pPr marR="0" lvl="1" algn="ctr" rtl="0">
              <a:spcBef>
                <a:spcPts val="0"/>
              </a:spcBef>
              <a:spcAft>
                <a:spcPts val="0"/>
              </a:spcAft>
              <a:buClr>
                <a:schemeClr val="dk2"/>
              </a:buClr>
              <a:buSzPts val="1800"/>
              <a:buFont typeface="Calibri"/>
              <a:buNone/>
              <a:defRPr sz="1800" b="0" i="0" u="none" strike="noStrike" cap="none">
                <a:solidFill>
                  <a:schemeClr val="dk2"/>
                </a:solidFill>
                <a:latin typeface="Calibri"/>
                <a:ea typeface="Calibri"/>
                <a:cs typeface="Calibri"/>
                <a:sym typeface="Calibri"/>
              </a:defRPr>
            </a:lvl2pPr>
            <a:lvl3pPr marR="0" lvl="2" algn="ctr" rtl="0">
              <a:spcBef>
                <a:spcPts val="0"/>
              </a:spcBef>
              <a:spcAft>
                <a:spcPts val="0"/>
              </a:spcAft>
              <a:buClr>
                <a:schemeClr val="dk2"/>
              </a:buClr>
              <a:buSzPts val="1800"/>
              <a:buFont typeface="Calibri"/>
              <a:buNone/>
              <a:defRPr sz="1800" b="0" i="0" u="none" strike="noStrike" cap="none">
                <a:solidFill>
                  <a:schemeClr val="dk2"/>
                </a:solidFill>
                <a:latin typeface="Calibri"/>
                <a:ea typeface="Calibri"/>
                <a:cs typeface="Calibri"/>
                <a:sym typeface="Calibri"/>
              </a:defRPr>
            </a:lvl3pPr>
            <a:lvl4pPr marR="0" lvl="3" algn="ctr" rtl="0">
              <a:spcBef>
                <a:spcPts val="0"/>
              </a:spcBef>
              <a:spcAft>
                <a:spcPts val="0"/>
              </a:spcAft>
              <a:buClr>
                <a:schemeClr val="dk2"/>
              </a:buClr>
              <a:buSzPts val="1800"/>
              <a:buFont typeface="Calibri"/>
              <a:buNone/>
              <a:defRPr sz="1800" b="0" i="0" u="none" strike="noStrike" cap="none">
                <a:solidFill>
                  <a:schemeClr val="dk2"/>
                </a:solidFill>
                <a:latin typeface="Calibri"/>
                <a:ea typeface="Calibri"/>
                <a:cs typeface="Calibri"/>
                <a:sym typeface="Calibri"/>
              </a:defRPr>
            </a:lvl4pPr>
            <a:lvl5pPr marR="0" lvl="4" algn="ctr" rtl="0">
              <a:spcBef>
                <a:spcPts val="0"/>
              </a:spcBef>
              <a:spcAft>
                <a:spcPts val="0"/>
              </a:spcAft>
              <a:buClr>
                <a:schemeClr val="dk2"/>
              </a:buClr>
              <a:buSzPts val="1800"/>
              <a:buFont typeface="Calibri"/>
              <a:buNone/>
              <a:defRPr sz="1800" b="0" i="0" u="none" strike="noStrike" cap="none">
                <a:solidFill>
                  <a:schemeClr val="dk2"/>
                </a:solidFill>
                <a:latin typeface="Calibri"/>
                <a:ea typeface="Calibri"/>
                <a:cs typeface="Calibri"/>
                <a:sym typeface="Calibri"/>
              </a:defRPr>
            </a:lvl5pPr>
            <a:lvl6pPr marR="0" lvl="5" algn="ctr" rtl="0">
              <a:spcBef>
                <a:spcPts val="0"/>
              </a:spcBef>
              <a:spcAft>
                <a:spcPts val="0"/>
              </a:spcAft>
              <a:buClr>
                <a:schemeClr val="dk2"/>
              </a:buClr>
              <a:buSzPts val="1800"/>
              <a:buFont typeface="Calibri"/>
              <a:buNone/>
              <a:defRPr sz="1800" b="0" i="0" u="none" strike="noStrike" cap="none">
                <a:solidFill>
                  <a:schemeClr val="dk2"/>
                </a:solidFill>
                <a:latin typeface="Calibri"/>
                <a:ea typeface="Calibri"/>
                <a:cs typeface="Calibri"/>
                <a:sym typeface="Calibri"/>
              </a:defRPr>
            </a:lvl6pPr>
            <a:lvl7pPr marR="0" lvl="6" algn="ctr" rtl="0">
              <a:spcBef>
                <a:spcPts val="0"/>
              </a:spcBef>
              <a:spcAft>
                <a:spcPts val="0"/>
              </a:spcAft>
              <a:buClr>
                <a:schemeClr val="dk2"/>
              </a:buClr>
              <a:buSzPts val="1800"/>
              <a:buFont typeface="Calibri"/>
              <a:buNone/>
              <a:defRPr sz="1800" b="0" i="0" u="none" strike="noStrike" cap="none">
                <a:solidFill>
                  <a:schemeClr val="dk2"/>
                </a:solidFill>
                <a:latin typeface="Calibri"/>
                <a:ea typeface="Calibri"/>
                <a:cs typeface="Calibri"/>
                <a:sym typeface="Calibri"/>
              </a:defRPr>
            </a:lvl7pPr>
            <a:lvl8pPr marR="0" lvl="7" algn="ctr" rtl="0">
              <a:spcBef>
                <a:spcPts val="0"/>
              </a:spcBef>
              <a:spcAft>
                <a:spcPts val="0"/>
              </a:spcAft>
              <a:buClr>
                <a:schemeClr val="dk2"/>
              </a:buClr>
              <a:buSzPts val="1800"/>
              <a:buFont typeface="Calibri"/>
              <a:buNone/>
              <a:defRPr sz="1800" b="0" i="0" u="none" strike="noStrike" cap="none">
                <a:solidFill>
                  <a:schemeClr val="dk2"/>
                </a:solidFill>
                <a:latin typeface="Calibri"/>
                <a:ea typeface="Calibri"/>
                <a:cs typeface="Calibri"/>
                <a:sym typeface="Calibri"/>
              </a:defRPr>
            </a:lvl8pPr>
            <a:lvl9pPr marR="0" lvl="8" algn="ctr" rtl="0">
              <a:spcBef>
                <a:spcPts val="0"/>
              </a:spcBef>
              <a:spcAft>
                <a:spcPts val="0"/>
              </a:spcAft>
              <a:buClr>
                <a:schemeClr val="dk2"/>
              </a:buClr>
              <a:buSzPts val="1800"/>
              <a:buFont typeface="Calibri"/>
              <a:buNone/>
              <a:defRPr sz="1800" b="0" i="0" u="none" strike="noStrike" cap="none">
                <a:solidFill>
                  <a:schemeClr val="dk2"/>
                </a:solidFill>
                <a:latin typeface="Calibri"/>
                <a:ea typeface="Calibri"/>
                <a:cs typeface="Calibri"/>
                <a:sym typeface="Calibri"/>
              </a:defRPr>
            </a:lvl9pPr>
          </a:lstStyle>
          <a:p>
            <a:endParaRPr/>
          </a:p>
        </p:txBody>
      </p:sp>
      <p:sp>
        <p:nvSpPr>
          <p:cNvPr id="57" name="Google Shape;57;p8"/>
          <p:cNvSpPr txBox="1">
            <a:spLocks noGrp="1"/>
          </p:cNvSpPr>
          <p:nvPr>
            <p:ph type="body" idx="1"/>
          </p:nvPr>
        </p:nvSpPr>
        <p:spPr>
          <a:xfrm>
            <a:off x="457502" y="1577242"/>
            <a:ext cx="8229000" cy="276900"/>
          </a:xfrm>
          <a:prstGeom prst="rect">
            <a:avLst/>
          </a:prstGeom>
          <a:noFill/>
          <a:ln>
            <a:noFill/>
          </a:ln>
        </p:spPr>
        <p:txBody>
          <a:bodyPr spcFirstLastPara="1" wrap="square" lIns="91425" tIns="91425" rIns="91425" bIns="91425" anchor="t" anchorCtr="0"/>
          <a:lstStyle>
            <a:lvl1pPr marL="457200" marR="0" lvl="0" indent="-342900" algn="l" rtl="0">
              <a:lnSpc>
                <a:spcPct val="100000"/>
              </a:lnSpc>
              <a:spcBef>
                <a:spcPts val="360"/>
              </a:spcBef>
              <a:spcAft>
                <a:spcPts val="0"/>
              </a:spcAft>
              <a:buClr>
                <a:schemeClr val="dk1"/>
              </a:buClr>
              <a:buSzPts val="1800"/>
              <a:buFont typeface="Calibri"/>
              <a:buChar char="●"/>
              <a:defRPr sz="1800" b="0" i="0" u="none" strike="noStrike" cap="none">
                <a:solidFill>
                  <a:schemeClr val="dk1"/>
                </a:solidFill>
                <a:latin typeface="Calibri"/>
                <a:ea typeface="Calibri"/>
                <a:cs typeface="Calibri"/>
                <a:sym typeface="Calibri"/>
              </a:defRPr>
            </a:lvl1pPr>
            <a:lvl2pPr marL="914400" marR="0" lvl="1" indent="-342900" algn="l" rtl="0">
              <a:lnSpc>
                <a:spcPct val="100000"/>
              </a:lnSpc>
              <a:spcBef>
                <a:spcPts val="360"/>
              </a:spcBef>
              <a:spcAft>
                <a:spcPts val="0"/>
              </a:spcAft>
              <a:buClr>
                <a:schemeClr val="dk1"/>
              </a:buClr>
              <a:buSzPts val="1800"/>
              <a:buFont typeface="Calibri"/>
              <a:buChar char="○"/>
              <a:defRPr sz="1800" b="0" i="0" u="none" strike="noStrike" cap="none">
                <a:solidFill>
                  <a:schemeClr val="dk1"/>
                </a:solidFill>
                <a:latin typeface="Calibri"/>
                <a:ea typeface="Calibri"/>
                <a:cs typeface="Calibri"/>
                <a:sym typeface="Calibri"/>
              </a:defRPr>
            </a:lvl2pPr>
            <a:lvl3pPr marL="1371600" marR="0" lvl="2" indent="-342900" algn="l" rtl="0">
              <a:lnSpc>
                <a:spcPct val="100000"/>
              </a:lnSpc>
              <a:spcBef>
                <a:spcPts val="360"/>
              </a:spcBef>
              <a:spcAft>
                <a:spcPts val="0"/>
              </a:spcAft>
              <a:buClr>
                <a:schemeClr val="dk1"/>
              </a:buClr>
              <a:buSzPts val="1800"/>
              <a:buFont typeface="Calibri"/>
              <a:buChar char="■"/>
              <a:defRPr sz="1800" b="0" i="0" u="none" strike="noStrike" cap="none">
                <a:solidFill>
                  <a:schemeClr val="dk1"/>
                </a:solidFill>
                <a:latin typeface="Calibri"/>
                <a:ea typeface="Calibri"/>
                <a:cs typeface="Calibri"/>
                <a:sym typeface="Calibri"/>
              </a:defRPr>
            </a:lvl3pPr>
            <a:lvl4pPr marL="1828800" marR="0" lvl="3" indent="-342900" algn="l" rtl="0">
              <a:lnSpc>
                <a:spcPct val="100000"/>
              </a:lnSpc>
              <a:spcBef>
                <a:spcPts val="360"/>
              </a:spcBef>
              <a:spcAft>
                <a:spcPts val="0"/>
              </a:spcAft>
              <a:buClr>
                <a:schemeClr val="dk1"/>
              </a:buClr>
              <a:buSzPts val="1800"/>
              <a:buFont typeface="Calibri"/>
              <a:buChar char="●"/>
              <a:defRPr sz="1800" b="0" i="0" u="none" strike="noStrike" cap="none">
                <a:solidFill>
                  <a:schemeClr val="dk1"/>
                </a:solidFill>
                <a:latin typeface="Calibri"/>
                <a:ea typeface="Calibri"/>
                <a:cs typeface="Calibri"/>
                <a:sym typeface="Calibri"/>
              </a:defRPr>
            </a:lvl4pPr>
            <a:lvl5pPr marL="2286000" marR="0" lvl="4" indent="-342900" algn="l" rtl="0">
              <a:lnSpc>
                <a:spcPct val="100000"/>
              </a:lnSpc>
              <a:spcBef>
                <a:spcPts val="360"/>
              </a:spcBef>
              <a:spcAft>
                <a:spcPts val="0"/>
              </a:spcAft>
              <a:buClr>
                <a:schemeClr val="dk1"/>
              </a:buClr>
              <a:buSzPts val="1800"/>
              <a:buFont typeface="Calibri"/>
              <a:buChar char="○"/>
              <a:defRPr sz="1800" b="0" i="0" u="none" strike="noStrike" cap="none">
                <a:solidFill>
                  <a:schemeClr val="dk1"/>
                </a:solidFill>
                <a:latin typeface="Calibri"/>
                <a:ea typeface="Calibri"/>
                <a:cs typeface="Calibri"/>
                <a:sym typeface="Calibri"/>
              </a:defRPr>
            </a:lvl5pPr>
            <a:lvl6pPr marL="2743200" marR="0" lvl="5" indent="-342900" algn="l" rtl="0">
              <a:lnSpc>
                <a:spcPct val="100000"/>
              </a:lnSpc>
              <a:spcBef>
                <a:spcPts val="0"/>
              </a:spcBef>
              <a:spcAft>
                <a:spcPts val="0"/>
              </a:spcAft>
              <a:buClr>
                <a:srgbClr val="000000"/>
              </a:buClr>
              <a:buSzPts val="1800"/>
              <a:buFont typeface="Calibri"/>
              <a:buChar char="■"/>
              <a:defRPr sz="1800" b="0" i="0" u="none" strike="noStrike" cap="none">
                <a:solidFill>
                  <a:srgbClr val="000000"/>
                </a:solidFill>
                <a:latin typeface="Calibri"/>
                <a:ea typeface="Calibri"/>
                <a:cs typeface="Calibri"/>
                <a:sym typeface="Calibri"/>
              </a:defRPr>
            </a:lvl6pPr>
            <a:lvl7pPr marL="3200400" marR="0" lvl="6" indent="-342900" algn="l" rtl="0">
              <a:lnSpc>
                <a:spcPct val="100000"/>
              </a:lnSpc>
              <a:spcBef>
                <a:spcPts val="0"/>
              </a:spcBef>
              <a:spcAft>
                <a:spcPts val="0"/>
              </a:spcAft>
              <a:buClr>
                <a:srgbClr val="000000"/>
              </a:buClr>
              <a:buSzPts val="1800"/>
              <a:buFont typeface="Calibri"/>
              <a:buChar char="●"/>
              <a:defRPr sz="1800" b="0" i="0" u="none" strike="noStrike" cap="none">
                <a:solidFill>
                  <a:srgbClr val="000000"/>
                </a:solidFill>
                <a:latin typeface="Calibri"/>
                <a:ea typeface="Calibri"/>
                <a:cs typeface="Calibri"/>
                <a:sym typeface="Calibri"/>
              </a:defRPr>
            </a:lvl7pPr>
            <a:lvl8pPr marL="3657600" marR="0" lvl="7" indent="-342900" algn="l" rtl="0">
              <a:lnSpc>
                <a:spcPct val="100000"/>
              </a:lnSpc>
              <a:spcBef>
                <a:spcPts val="0"/>
              </a:spcBef>
              <a:spcAft>
                <a:spcPts val="0"/>
              </a:spcAft>
              <a:buClr>
                <a:srgbClr val="000000"/>
              </a:buClr>
              <a:buSzPts val="1800"/>
              <a:buFont typeface="Calibri"/>
              <a:buChar char="○"/>
              <a:defRPr sz="1800" b="0" i="0" u="none" strike="noStrike" cap="none">
                <a:solidFill>
                  <a:srgbClr val="000000"/>
                </a:solidFill>
                <a:latin typeface="Calibri"/>
                <a:ea typeface="Calibri"/>
                <a:cs typeface="Calibri"/>
                <a:sym typeface="Calibri"/>
              </a:defRPr>
            </a:lvl8pPr>
            <a:lvl9pPr marL="4114800" marR="0" lvl="8" indent="-342900" algn="l" rtl="0">
              <a:lnSpc>
                <a:spcPct val="100000"/>
              </a:lnSpc>
              <a:spcBef>
                <a:spcPts val="0"/>
              </a:spcBef>
              <a:spcAft>
                <a:spcPts val="0"/>
              </a:spcAft>
              <a:buClr>
                <a:srgbClr val="000000"/>
              </a:buClr>
              <a:buSzPts val="1800"/>
              <a:buFont typeface="Calibri"/>
              <a:buChar char="■"/>
              <a:defRPr sz="1800" b="0" i="0" u="none" strike="noStrike" cap="none">
                <a:solidFill>
                  <a:srgbClr val="000000"/>
                </a:solidFill>
                <a:latin typeface="Calibri"/>
                <a:ea typeface="Calibri"/>
                <a:cs typeface="Calibri"/>
                <a:sym typeface="Calibri"/>
              </a:defRPr>
            </a:lvl9pPr>
          </a:lstStyle>
          <a:p>
            <a:endParaRPr/>
          </a:p>
        </p:txBody>
      </p:sp>
      <p:sp>
        <p:nvSpPr>
          <p:cNvPr id="58" name="Google Shape;58;p8"/>
          <p:cNvSpPr txBox="1">
            <a:spLocks noGrp="1"/>
          </p:cNvSpPr>
          <p:nvPr>
            <p:ph type="ftr" idx="11"/>
          </p:nvPr>
        </p:nvSpPr>
        <p:spPr>
          <a:xfrm>
            <a:off x="3108616" y="6377554"/>
            <a:ext cx="2926800" cy="276900"/>
          </a:xfrm>
          <a:prstGeom prst="rect">
            <a:avLst/>
          </a:prstGeom>
          <a:noFill/>
          <a:ln>
            <a:noFill/>
          </a:ln>
        </p:spPr>
        <p:txBody>
          <a:bodyPr spcFirstLastPara="1" wrap="square" lIns="91425" tIns="91425" rIns="91425" bIns="91425" anchor="t" anchorCtr="0"/>
          <a:lstStyle>
            <a:lvl1pPr marR="0" lvl="0" algn="ctr"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59" name="Google Shape;59;p8"/>
          <p:cNvSpPr txBox="1">
            <a:spLocks noGrp="1"/>
          </p:cNvSpPr>
          <p:nvPr>
            <p:ph type="dt" idx="10"/>
          </p:nvPr>
        </p:nvSpPr>
        <p:spPr>
          <a:xfrm>
            <a:off x="457493" y="6377554"/>
            <a:ext cx="2102700" cy="27690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rgbClr val="888888"/>
              </a:buClr>
              <a:buSzPts val="1900"/>
              <a:buFont typeface="Calibri"/>
              <a:buNone/>
              <a:defRPr sz="1900" b="0" i="0" u="none" strike="noStrike" cap="none">
                <a:solidFill>
                  <a:srgbClr val="888888"/>
                </a:solidFill>
                <a:latin typeface="Calibri"/>
                <a:ea typeface="Calibri"/>
                <a:cs typeface="Calibri"/>
                <a:sym typeface="Calibri"/>
              </a:defRPr>
            </a:lvl1pPr>
            <a:lvl2pPr marR="0" lvl="1"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900"/>
              <a:buFont typeface="Calibri"/>
              <a:buNone/>
              <a:defRPr sz="1900" b="0" i="0" u="none" strike="noStrike" cap="none">
                <a:solidFill>
                  <a:schemeClr val="dk1"/>
                </a:solidFill>
                <a:latin typeface="Calibri"/>
                <a:ea typeface="Calibri"/>
                <a:cs typeface="Calibri"/>
                <a:sym typeface="Calibri"/>
              </a:defRPr>
            </a:lvl9pPr>
          </a:lstStyle>
          <a:p>
            <a:endParaRPr/>
          </a:p>
        </p:txBody>
      </p:sp>
      <p:sp>
        <p:nvSpPr>
          <p:cNvPr id="60" name="Google Shape;60;p8"/>
          <p:cNvSpPr txBox="1">
            <a:spLocks noGrp="1"/>
          </p:cNvSpPr>
          <p:nvPr>
            <p:ph type="sldNum" idx="12"/>
          </p:nvPr>
        </p:nvSpPr>
        <p:spPr>
          <a:xfrm>
            <a:off x="6583799" y="6377554"/>
            <a:ext cx="2102700" cy="276900"/>
          </a:xfrm>
          <a:prstGeom prst="rect">
            <a:avLst/>
          </a:prstGeom>
          <a:noFill/>
          <a:ln>
            <a:noFill/>
          </a:ln>
        </p:spPr>
        <p:txBody>
          <a:bodyPr spcFirstLastPara="1" wrap="square" lIns="0" tIns="0" rIns="0" bIns="0" anchor="t" anchorCtr="0">
            <a:noAutofit/>
          </a:bodyPr>
          <a:lstStyle>
            <a:lvl1pPr marL="0" marR="0" lvl="0"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1pPr>
            <a:lvl2pPr marL="0" marR="0" lvl="1"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2pPr>
            <a:lvl3pPr marL="0" marR="0" lvl="2"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3pPr>
            <a:lvl4pPr marL="0" marR="0" lvl="3"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4pPr>
            <a:lvl5pPr marL="0" marR="0" lvl="4"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5pPr>
            <a:lvl6pPr marL="0" marR="0" lvl="5"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6pPr>
            <a:lvl7pPr marL="0" marR="0" lvl="6"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7pPr>
            <a:lvl8pPr marL="0" marR="0" lvl="7"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8pPr>
            <a:lvl9pPr marL="0" marR="0" lvl="8" indent="0" algn="r" rtl="0">
              <a:spcBef>
                <a:spcPts val="0"/>
              </a:spcBef>
              <a:buClr>
                <a:srgbClr val="898989"/>
              </a:buClr>
              <a:buSzPts val="1900"/>
              <a:buFont typeface="Calibri"/>
              <a:buNone/>
              <a:defRPr sz="1900">
                <a:solidFill>
                  <a:srgbClr val="898989"/>
                </a:solidFill>
                <a:latin typeface="Calibri"/>
                <a:ea typeface="Calibri"/>
                <a:cs typeface="Calibri"/>
                <a:sym typeface="Calibri"/>
              </a:defRPr>
            </a:lvl9pPr>
          </a:lstStyle>
          <a:p>
            <a:pPr marL="0" lvl="0" indent="0">
              <a:spcBef>
                <a:spcPts val="0"/>
              </a:spcBef>
              <a:spcAft>
                <a:spcPts val="0"/>
              </a:spcAft>
              <a:buNone/>
            </a:pPr>
            <a:fld id="{00000000-1234-1234-1234-123412341234}" type="slidenum">
              <a:rPr lang="en-US"/>
              <a:t>‹#›</a:t>
            </a:fld>
            <a:endParaRPr/>
          </a:p>
        </p:txBody>
      </p:sp>
    </p:spTree>
    <p:extLst>
      <p:ext uri="{BB962C8B-B14F-4D97-AF65-F5344CB8AC3E}">
        <p14:creationId xmlns:p14="http://schemas.microsoft.com/office/powerpoint/2010/main" val="2395208129"/>
      </p:ext>
    </p:extLst>
  </p:cSld>
  <p:clrMap bg1="lt1" tx1="dk1" bg2="dk2" tx2="lt2" accent1="accent1" accent2="accent2" accent3="accent3" accent4="accent4" accent5="accent5" accent6="accent6" hlink="hlink" folHlink="folHlink"/>
  <p:sldLayoutIdLst>
    <p:sldLayoutId id="2147483680" r:id="rId1"/>
    <p:sldLayoutId id="2147483681" r:id="rId2"/>
    <p:sldLayoutId id="2147483682" r:id="rId3"/>
    <p:sldLayoutId id="2147483683" r:id="rId4"/>
    <p:sldLayoutId id="2147483684" r:id="rId5"/>
    <p:sldLayoutId id="2147483685" r:id="rId6"/>
    <p:sldLayoutId id="2147483686" r:id="rId7"/>
    <p:sldLayoutId id="2147483687" r:id="rId8"/>
    <p:sldLayoutId id="2147483688" r:id="rId9"/>
    <p:sldLayoutId id="2147483689" r:id="rId10"/>
    <p:sldLayoutId id="2147483690" r:id="rId11"/>
    <p:sldLayoutId id="2147483691" r:id="rId12"/>
    <p:sldLayoutId id="2147483692" r:id="rId13"/>
  </p:sldLayoutIdLst>
  <p:hf sldNum="0" hdr="0" ftr="0" dt="0"/>
  <p:txStyles>
    <p:title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4.jpg"/><Relationship Id="rId2" Type="http://schemas.openxmlformats.org/officeDocument/2006/relationships/notesSlide" Target="../notesSlides/notesSlide1.xml"/><Relationship Id="rId1" Type="http://schemas.openxmlformats.org/officeDocument/2006/relationships/slideLayout" Target="../slideLayouts/slideLayout1.xml"/><Relationship Id="rId5" Type="http://schemas.openxmlformats.org/officeDocument/2006/relationships/image" Target="../media/image6.png"/><Relationship Id="rId4" Type="http://schemas.openxmlformats.org/officeDocument/2006/relationships/image" Target="../media/image5.png"/></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0.xml"/></Relationships>
</file>

<file path=ppt/slides/_rels/slide11.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3.xml"/><Relationship Id="rId1" Type="http://schemas.openxmlformats.org/officeDocument/2006/relationships/slideLayout" Target="../slideLayouts/slideLayout10.xml"/><Relationship Id="rId5" Type="http://schemas.openxmlformats.org/officeDocument/2006/relationships/image" Target="../media/image17.png"/><Relationship Id="rId4" Type="http://schemas.openxmlformats.org/officeDocument/2006/relationships/image" Target="../media/image16.png"/></Relationships>
</file>

<file path=ppt/slides/_rels/slide12.xml.rels><?xml version="1.0" encoding="UTF-8" standalone="yes"?>
<Relationships xmlns="http://schemas.openxmlformats.org/package/2006/relationships"><Relationship Id="rId3" Type="http://schemas.openxmlformats.org/officeDocument/2006/relationships/tags" Target="../tags/tag3.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notesSlide" Target="../notesSlides/notesSlide4.xml"/><Relationship Id="rId5" Type="http://schemas.openxmlformats.org/officeDocument/2006/relationships/slideLayout" Target="../slideLayouts/slideLayout10.xml"/><Relationship Id="rId4" Type="http://schemas.openxmlformats.org/officeDocument/2006/relationships/tags" Target="../tags/tag4.xml"/></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9.xml"/></Relationships>
</file>

<file path=ppt/slides/_rels/slide14.xml.rels><?xml version="1.0" encoding="UTF-8" standalone="yes"?>
<Relationships xmlns="http://schemas.openxmlformats.org/package/2006/relationships"><Relationship Id="rId8" Type="http://schemas.openxmlformats.org/officeDocument/2006/relationships/image" Target="../media/image18.jpg"/><Relationship Id="rId3" Type="http://schemas.openxmlformats.org/officeDocument/2006/relationships/hyperlink" Target="http://bit.ly/2jOl3FL" TargetMode="External"/><Relationship Id="rId7" Type="http://schemas.openxmlformats.org/officeDocument/2006/relationships/hyperlink" Target="http://bit.ly/2zrgFpE" TargetMode="External"/><Relationship Id="rId2" Type="http://schemas.openxmlformats.org/officeDocument/2006/relationships/notesSlide" Target="../notesSlides/notesSlide6.xml"/><Relationship Id="rId1" Type="http://schemas.openxmlformats.org/officeDocument/2006/relationships/slideLayout" Target="../slideLayouts/slideLayout3.xml"/><Relationship Id="rId6" Type="http://schemas.openxmlformats.org/officeDocument/2006/relationships/hyperlink" Target="http://bit.ly/2AueSyx" TargetMode="External"/><Relationship Id="rId5" Type="http://schemas.openxmlformats.org/officeDocument/2006/relationships/hyperlink" Target="http://bit.ly/2Bxy0Lk" TargetMode="External"/><Relationship Id="rId4" Type="http://schemas.openxmlformats.org/officeDocument/2006/relationships/hyperlink" Target="http://bit.ly/2nr4moJ" TargetMode="External"/></Relationships>
</file>

<file path=ppt/slides/_rels/slide15.xml.rels><?xml version="1.0" encoding="UTF-8" standalone="yes"?>
<Relationships xmlns="http://schemas.openxmlformats.org/package/2006/relationships"><Relationship Id="rId3" Type="http://schemas.openxmlformats.org/officeDocument/2006/relationships/hyperlink" Target="https://www.jpmorganchase.com/corporate/news/pr/new-conference-accessibility-initiative.htm" TargetMode="External"/><Relationship Id="rId2" Type="http://schemas.openxmlformats.org/officeDocument/2006/relationships/notesSlide" Target="../notesSlides/notesSlide7.xml"/><Relationship Id="rId1" Type="http://schemas.openxmlformats.org/officeDocument/2006/relationships/slideLayout" Target="../slideLayouts/slideLayout3.xml"/><Relationship Id="rId4" Type="http://schemas.openxmlformats.org/officeDocument/2006/relationships/image" Target="../media/image19.png"/></Relationships>
</file>

<file path=ppt/slides/_rels/slide16.xml.rels><?xml version="1.0" encoding="UTF-8" standalone="yes"?>
<Relationships xmlns="http://schemas.openxmlformats.org/package/2006/relationships"><Relationship Id="rId3" Type="http://schemas.openxmlformats.org/officeDocument/2006/relationships/hyperlink" Target="https://www.macfound.org/press/perspectives/nothing-about-us-without-us" TargetMode="External"/><Relationship Id="rId7" Type="http://schemas.openxmlformats.org/officeDocument/2006/relationships/image" Target="../media/image21.png"/><Relationship Id="rId2" Type="http://schemas.openxmlformats.org/officeDocument/2006/relationships/notesSlide" Target="../notesSlides/notesSlide8.xml"/><Relationship Id="rId1" Type="http://schemas.openxmlformats.org/officeDocument/2006/relationships/slideLayout" Target="../slideLayouts/slideLayout3.xml"/><Relationship Id="rId6" Type="http://schemas.openxmlformats.org/officeDocument/2006/relationships/image" Target="../media/image20.jpg"/><Relationship Id="rId5" Type="http://schemas.openxmlformats.org/officeDocument/2006/relationships/hyperlink" Target="https://www.macfound.org/programs/100change" TargetMode="External"/><Relationship Id="rId4" Type="http://schemas.openxmlformats.org/officeDocument/2006/relationships/hyperlink" Target="https://www.macfound.org/media/files/Checklist_for_MacArthur_100Change_Semifinalists.pdf" TargetMode="External"/></Relationships>
</file>

<file path=ppt/slides/_rels/slide17.xml.rels><?xml version="1.0" encoding="UTF-8" standalone="yes"?>
<Relationships xmlns="http://schemas.openxmlformats.org/package/2006/relationships"><Relationship Id="rId8" Type="http://schemas.openxmlformats.org/officeDocument/2006/relationships/hyperlink" Target="https://tinyletter.com/noorain" TargetMode="External"/><Relationship Id="rId3" Type="http://schemas.openxmlformats.org/officeDocument/2006/relationships/hyperlink" Target="http://www.cof.org/" TargetMode="External"/><Relationship Id="rId7" Type="http://schemas.openxmlformats.org/officeDocument/2006/relationships/hyperlink" Target="http://wdcrobcolp01.ed.gov/Programs/EROD/org_list.cfm?category_cd=SVR" TargetMode="External"/><Relationship Id="rId12" Type="http://schemas.openxmlformats.org/officeDocument/2006/relationships/hyperlink" Target="https://www.washingtongrantmakers.org/jobs" TargetMode="External"/><Relationship Id="rId2" Type="http://schemas.openxmlformats.org/officeDocument/2006/relationships/hyperlink" Target="http://www.respectability.org/" TargetMode="External"/><Relationship Id="rId1" Type="http://schemas.openxmlformats.org/officeDocument/2006/relationships/slideLayout" Target="../slideLayouts/slideLayout9.xml"/><Relationship Id="rId6" Type="http://schemas.openxmlformats.org/officeDocument/2006/relationships/hyperlink" Target="https://askjan.org/" TargetMode="External"/><Relationship Id="rId11" Type="http://schemas.openxmlformats.org/officeDocument/2006/relationships/hyperlink" Target="https://grantspace.org/training/" TargetMode="External"/><Relationship Id="rId5" Type="http://schemas.openxmlformats.org/officeDocument/2006/relationships/hyperlink" Target="http://www.philanthropynewyork.org/" TargetMode="External"/><Relationship Id="rId10" Type="http://schemas.openxmlformats.org/officeDocument/2006/relationships/hyperlink" Target="http://changephilanthropy.org/our-work/job-bank/" TargetMode="External"/><Relationship Id="rId4" Type="http://schemas.openxmlformats.org/officeDocument/2006/relationships/hyperlink" Target="http://www.linkedin.com/" TargetMode="External"/><Relationship Id="rId9" Type="http://schemas.openxmlformats.org/officeDocument/2006/relationships/hyperlink" Target="https://www.philanthropy.com/jobs" TargetMode="External"/></Relationships>
</file>

<file path=ppt/slides/_rels/slide18.xml.rels><?xml version="1.0" encoding="UTF-8" standalone="yes"?>
<Relationships xmlns="http://schemas.openxmlformats.org/package/2006/relationships"><Relationship Id="rId8" Type="http://schemas.openxmlformats.org/officeDocument/2006/relationships/hyperlink" Target="http://cep.org/" TargetMode="External"/><Relationship Id="rId13" Type="http://schemas.openxmlformats.org/officeDocument/2006/relationships/hyperlink" Target="http://foundationcenter.org/" TargetMode="External"/><Relationship Id="rId18" Type="http://schemas.openxmlformats.org/officeDocument/2006/relationships/hyperlink" Target="http://www.grassrootsgrantmakers.org/" TargetMode="External"/><Relationship Id="rId26" Type="http://schemas.openxmlformats.org/officeDocument/2006/relationships/hyperlink" Target="http://www.respectability.org/" TargetMode="External"/><Relationship Id="rId3" Type="http://schemas.openxmlformats.org/officeDocument/2006/relationships/hyperlink" Target="http://www.aapip.org/" TargetMode="External"/><Relationship Id="rId21" Type="http://schemas.openxmlformats.org/officeDocument/2006/relationships/hyperlink" Target="https://www.ncfp.org/" TargetMode="External"/><Relationship Id="rId7" Type="http://schemas.openxmlformats.org/officeDocument/2006/relationships/hyperlink" Target="http://disasterphilanthropy.org/" TargetMode="External"/><Relationship Id="rId12" Type="http://schemas.openxmlformats.org/officeDocument/2006/relationships/hyperlink" Target="http://www.exponentphilanthropy.org/" TargetMode="External"/><Relationship Id="rId17" Type="http://schemas.openxmlformats.org/officeDocument/2006/relationships/hyperlink" Target="http://www.geofunders.org/" TargetMode="External"/><Relationship Id="rId25" Type="http://schemas.openxmlformats.org/officeDocument/2006/relationships/hyperlink" Target="http://www.respectabilityusa.org/" TargetMode="External"/><Relationship Id="rId2" Type="http://schemas.openxmlformats.org/officeDocument/2006/relationships/notesSlide" Target="../notesSlides/notesSlide9.xml"/><Relationship Id="rId16" Type="http://schemas.openxmlformats.org/officeDocument/2006/relationships/hyperlink" Target="http://www.edfunders.org/" TargetMode="External"/><Relationship Id="rId20" Type="http://schemas.openxmlformats.org/officeDocument/2006/relationships/hyperlink" Target="https://independentsector.org/" TargetMode="External"/><Relationship Id="rId29" Type="http://schemas.openxmlformats.org/officeDocument/2006/relationships/hyperlink" Target="https://www.facebook.com/RespectAbilityUSA" TargetMode="External"/><Relationship Id="rId1" Type="http://schemas.openxmlformats.org/officeDocument/2006/relationships/slideLayout" Target="../slideLayouts/slideLayout2.xml"/><Relationship Id="rId6" Type="http://schemas.openxmlformats.org/officeDocument/2006/relationships/hyperlink" Target="https://www.calendow.org/" TargetMode="External"/><Relationship Id="rId11" Type="http://schemas.openxmlformats.org/officeDocument/2006/relationships/hyperlink" Target="http://www.ega.org/" TargetMode="External"/><Relationship Id="rId24" Type="http://schemas.openxmlformats.org/officeDocument/2006/relationships/hyperlink" Target="https://www.unitedphilforum.org/" TargetMode="External"/><Relationship Id="rId5" Type="http://schemas.openxmlformats.org/officeDocument/2006/relationships/hyperlink" Target="https://boardsource.org/" TargetMode="External"/><Relationship Id="rId15" Type="http://schemas.openxmlformats.org/officeDocument/2006/relationships/hyperlink" Target="http://www.gcir.org/" TargetMode="External"/><Relationship Id="rId23" Type="http://schemas.openxmlformats.org/officeDocument/2006/relationships/hyperlink" Target="http://www.pacefunders.org/" TargetMode="External"/><Relationship Id="rId28" Type="http://schemas.openxmlformats.org/officeDocument/2006/relationships/hyperlink" Target="https://twitter.com/respect_ability" TargetMode="External"/><Relationship Id="rId10" Type="http://schemas.openxmlformats.org/officeDocument/2006/relationships/hyperlink" Target="http://www.epip.org/" TargetMode="External"/><Relationship Id="rId19" Type="http://schemas.openxmlformats.org/officeDocument/2006/relationships/hyperlink" Target="http://www.hiponline.org/" TargetMode="External"/><Relationship Id="rId4" Type="http://schemas.openxmlformats.org/officeDocument/2006/relationships/hyperlink" Target="https://www.abfe.org/" TargetMode="External"/><Relationship Id="rId9" Type="http://schemas.openxmlformats.org/officeDocument/2006/relationships/hyperlink" Target="http://www.confluencephilanthropy.org/" TargetMode="External"/><Relationship Id="rId14" Type="http://schemas.openxmlformats.org/officeDocument/2006/relationships/hyperlink" Target="http://www.funderscommittee.org/" TargetMode="External"/><Relationship Id="rId22" Type="http://schemas.openxmlformats.org/officeDocument/2006/relationships/hyperlink" Target="https://www.councilofnonprofits.org/" TargetMode="External"/><Relationship Id="rId27" Type="http://schemas.openxmlformats.org/officeDocument/2006/relationships/hyperlink" Target="mailto:JenniferM@RespectAbilityUSA.org" TargetMode="External"/></Relationships>
</file>

<file path=ppt/slides/_rels/slide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Layout" Target="../slideLayouts/slideLayout9.xml"/></Relationships>
</file>

<file path=ppt/slides/_rels/slide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9.xml"/></Relationships>
</file>

<file path=ppt/slides/_rels/slide4.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Layout" Target="../slideLayouts/slideLayout9.xml"/></Relationships>
</file>

<file path=ppt/slides/_rels/slide5.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image" Target="../media/image9.png"/><Relationship Id="rId1" Type="http://schemas.openxmlformats.org/officeDocument/2006/relationships/slideLayout" Target="../slideLayouts/slideLayout9.xml"/><Relationship Id="rId6" Type="http://schemas.openxmlformats.org/officeDocument/2006/relationships/image" Target="../media/image13.png"/><Relationship Id="rId5" Type="http://schemas.openxmlformats.org/officeDocument/2006/relationships/image" Target="../media/image12.png"/><Relationship Id="rId4" Type="http://schemas.openxmlformats.org/officeDocument/2006/relationships/image" Target="../media/image11.png"/></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slideLayout" Target="../slideLayouts/slideLayout9.xml"/><Relationship Id="rId1" Type="http://schemas.openxmlformats.org/officeDocument/2006/relationships/vmlDrawing" Target="../drawings/vmlDrawing1.vml"/><Relationship Id="rId5" Type="http://schemas.openxmlformats.org/officeDocument/2006/relationships/hyperlink" Target="http://www.adminitrustllc.com/wp-content/uploads/2013/12/Kessler-NOD-2010-Survey.pdf" TargetMode="External"/><Relationship Id="rId4" Type="http://schemas.openxmlformats.org/officeDocument/2006/relationships/image" Target="../media/image14.emf"/></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Shape 209" descr="Gold and black logo of RespectAbility with the tagline Fighting Stigmas, Advancing Opportunities&#10;">
            <a:extLst>
              <a:ext uri="{FF2B5EF4-FFF2-40B4-BE49-F238E27FC236}">
                <a16:creationId xmlns:a16="http://schemas.microsoft.com/office/drawing/2014/main" id="{DF5FFE73-2FD3-4148-A842-96A963FF1393}"/>
              </a:ext>
            </a:extLst>
          </p:cNvPr>
          <p:cNvPicPr preferRelativeResize="0"/>
          <p:nvPr/>
        </p:nvPicPr>
        <p:blipFill rotWithShape="1">
          <a:blip r:embed="rId3">
            <a:alphaModFix/>
          </a:blip>
          <a:srcRect/>
          <a:stretch/>
        </p:blipFill>
        <p:spPr>
          <a:xfrm>
            <a:off x="1435385" y="-149204"/>
            <a:ext cx="6287297" cy="3066983"/>
          </a:xfrm>
          <a:prstGeom prst="rect">
            <a:avLst/>
          </a:prstGeom>
          <a:noFill/>
          <a:ln>
            <a:noFill/>
          </a:ln>
        </p:spPr>
      </p:pic>
      <p:sp>
        <p:nvSpPr>
          <p:cNvPr id="7" name="Rectangle 6">
            <a:extLst>
              <a:ext uri="{FF2B5EF4-FFF2-40B4-BE49-F238E27FC236}">
                <a16:creationId xmlns:a16="http://schemas.microsoft.com/office/drawing/2014/main" id="{2B110A43-6419-5D4A-B812-7DDA75201E49}"/>
              </a:ext>
            </a:extLst>
          </p:cNvPr>
          <p:cNvSpPr/>
          <p:nvPr/>
        </p:nvSpPr>
        <p:spPr>
          <a:xfrm>
            <a:off x="2196930" y="6221916"/>
            <a:ext cx="4764206" cy="574901"/>
          </a:xfrm>
          <a:prstGeom prst="rect">
            <a:avLst/>
          </a:prstGeom>
        </p:spPr>
        <p:txBody>
          <a:bodyPr wrap="square">
            <a:spAutoFit/>
          </a:bodyPr>
          <a:lstStyle/>
          <a:p>
            <a:pPr marL="0" marR="0" lvl="0" indent="0" algn="ctr" defTabSz="914400" rtl="0" eaLnBrk="1" fontAlgn="auto" latinLnBrk="0" hangingPunct="1">
              <a:lnSpc>
                <a:spcPct val="115000"/>
              </a:lnSpc>
              <a:spcBef>
                <a:spcPts val="0"/>
              </a:spcBef>
              <a:spcAft>
                <a:spcPts val="0"/>
              </a:spcAft>
              <a:buClr>
                <a:srgbClr val="000000"/>
              </a:buClr>
              <a:buSzPct val="78571"/>
              <a:buFontTx/>
              <a:buNone/>
              <a:tabLst/>
              <a:defRPr/>
            </a:pPr>
            <a:r>
              <a:rPr kumimoji="0" lang="en-US" sz="1400" b="0" i="0" u="none" strike="noStrike" kern="0" cap="none" spc="0" normalizeH="0" baseline="0" noProof="0" dirty="0">
                <a:ln>
                  <a:noFill/>
                </a:ln>
                <a:solidFill>
                  <a:srgbClr val="000000"/>
                </a:solidFill>
                <a:effectLst/>
                <a:uLnTx/>
                <a:uFillTx/>
                <a:latin typeface="Baskerville"/>
                <a:ea typeface="Georgia"/>
                <a:cs typeface="Calibri" panose="020F0502020204030204" pitchFamily="34" charset="0"/>
                <a:sym typeface="Georgia"/>
              </a:rPr>
              <a:t>Jennifer Laszlo Mizrahi, President, </a:t>
            </a:r>
            <a:r>
              <a:rPr kumimoji="0" lang="en-US" sz="1400" b="0" i="0" u="none" strike="noStrike" kern="0" cap="none" spc="0" normalizeH="0" baseline="0" noProof="0" dirty="0" err="1">
                <a:ln>
                  <a:noFill/>
                </a:ln>
                <a:solidFill>
                  <a:srgbClr val="000000"/>
                </a:solidFill>
                <a:effectLst/>
                <a:uLnTx/>
                <a:uFillTx/>
                <a:latin typeface="Baskerville"/>
                <a:ea typeface="Georgia"/>
                <a:cs typeface="Calibri" panose="020F0502020204030204" pitchFamily="34" charset="0"/>
                <a:sym typeface="Georgia"/>
              </a:rPr>
              <a:t>RespectAbility</a:t>
            </a:r>
            <a:endParaRPr kumimoji="0" lang="en-US" sz="1400" b="0" i="0" u="none" strike="noStrike" kern="0" cap="none" spc="0" normalizeH="0" baseline="0" noProof="0" dirty="0">
              <a:ln>
                <a:noFill/>
              </a:ln>
              <a:solidFill>
                <a:srgbClr val="000000"/>
              </a:solidFill>
              <a:effectLst/>
              <a:uLnTx/>
              <a:uFillTx/>
              <a:latin typeface="Baskerville"/>
              <a:ea typeface="Georgia"/>
              <a:cs typeface="Calibri" panose="020F0502020204030204" pitchFamily="34" charset="0"/>
              <a:sym typeface="Georgia"/>
            </a:endParaRPr>
          </a:p>
          <a:p>
            <a:pPr marL="0" marR="0" lvl="0" indent="0" algn="ctr" defTabSz="914400" rtl="0" eaLnBrk="1" fontAlgn="auto" latinLnBrk="0" hangingPunct="1">
              <a:lnSpc>
                <a:spcPct val="115000"/>
              </a:lnSpc>
              <a:spcBef>
                <a:spcPts val="0"/>
              </a:spcBef>
              <a:spcAft>
                <a:spcPts val="0"/>
              </a:spcAft>
              <a:buClr>
                <a:srgbClr val="000000"/>
              </a:buClr>
              <a:buSzPct val="78571"/>
              <a:buFontTx/>
              <a:buNone/>
              <a:tabLst/>
              <a:defRPr/>
            </a:pPr>
            <a:r>
              <a:rPr kumimoji="0" lang="en-US" sz="1400" b="0" i="0" u="none" strike="noStrike" kern="0" cap="none" spc="0" normalizeH="0" baseline="0" noProof="0" dirty="0">
                <a:ln>
                  <a:noFill/>
                </a:ln>
                <a:solidFill>
                  <a:srgbClr val="000000"/>
                </a:solidFill>
                <a:effectLst/>
                <a:uLnTx/>
                <a:uFillTx/>
                <a:latin typeface="Baskerville"/>
                <a:ea typeface="Georgia"/>
                <a:cs typeface="Calibri" panose="020F0502020204030204" pitchFamily="34" charset="0"/>
                <a:sym typeface="Georgia"/>
              </a:rPr>
              <a:t>Steve Bartlett, Chairman, </a:t>
            </a:r>
            <a:r>
              <a:rPr kumimoji="0" lang="en-US" sz="1400" b="0" i="0" u="none" strike="noStrike" kern="0" cap="none" spc="0" normalizeH="0" baseline="0" noProof="0" dirty="0" err="1">
                <a:ln>
                  <a:noFill/>
                </a:ln>
                <a:solidFill>
                  <a:srgbClr val="000000"/>
                </a:solidFill>
                <a:effectLst/>
                <a:uLnTx/>
                <a:uFillTx/>
                <a:latin typeface="Baskerville"/>
                <a:ea typeface="Georgia"/>
                <a:cs typeface="Calibri" panose="020F0502020204030204" pitchFamily="34" charset="0"/>
                <a:sym typeface="Georgia"/>
              </a:rPr>
              <a:t>RespectAbility</a:t>
            </a:r>
            <a:endParaRPr kumimoji="0" lang="en-US" sz="1400" b="0" i="0" u="none" strike="noStrike" kern="0" cap="none" spc="0" normalizeH="0" baseline="0" noProof="0" dirty="0">
              <a:ln>
                <a:noFill/>
              </a:ln>
              <a:solidFill>
                <a:srgbClr val="000000"/>
              </a:solidFill>
              <a:effectLst/>
              <a:uLnTx/>
              <a:uFillTx/>
              <a:latin typeface="Baskerville"/>
              <a:ea typeface="Georgia"/>
              <a:cs typeface="Calibri" panose="020F0502020204030204" pitchFamily="34" charset="0"/>
              <a:sym typeface="Georgia"/>
            </a:endParaRPr>
          </a:p>
        </p:txBody>
      </p:sp>
      <p:sp>
        <p:nvSpPr>
          <p:cNvPr id="2" name="Title 1">
            <a:extLst>
              <a:ext uri="{FF2B5EF4-FFF2-40B4-BE49-F238E27FC236}">
                <a16:creationId xmlns:a16="http://schemas.microsoft.com/office/drawing/2014/main" id="{B416FCA5-80DB-4D22-8D2E-A9452E3459CA}"/>
              </a:ext>
            </a:extLst>
          </p:cNvPr>
          <p:cNvSpPr>
            <a:spLocks noGrp="1"/>
          </p:cNvSpPr>
          <p:nvPr>
            <p:ph type="title" idx="4294967295"/>
          </p:nvPr>
        </p:nvSpPr>
        <p:spPr>
          <a:xfrm>
            <a:off x="457200" y="2917779"/>
            <a:ext cx="8229600" cy="1143000"/>
          </a:xfrm>
        </p:spPr>
        <p:txBody>
          <a:bodyPr/>
          <a:lstStyle/>
          <a:p>
            <a:r>
              <a:rPr lang="en-US" sz="2400" b="1" spc="-113" dirty="0">
                <a:solidFill>
                  <a:srgbClr val="000000"/>
                </a:solidFill>
                <a:latin typeface="Arial" panose="020B0604020202020204" pitchFamily="34" charset="0"/>
                <a:ea typeface="Arial" panose="020B0604020202020204" pitchFamily="34" charset="0"/>
                <a:cs typeface="Arial" panose="020B0604020202020204" pitchFamily="34" charset="0"/>
              </a:rPr>
              <a:t>Advancing Inclusion – Careers in Philanthropy for Professionals with Disabilities</a:t>
            </a:r>
            <a:br>
              <a:rPr lang="en-US" sz="2400" b="1" spc="-113" dirty="0">
                <a:solidFill>
                  <a:srgbClr val="000000"/>
                </a:solidFill>
                <a:latin typeface="Arial" panose="020B0604020202020204" pitchFamily="34" charset="0"/>
                <a:ea typeface="Arial" panose="020B0604020202020204" pitchFamily="34" charset="0"/>
                <a:cs typeface="Arial" panose="020B0604020202020204" pitchFamily="34" charset="0"/>
              </a:rPr>
            </a:br>
            <a:r>
              <a:rPr lang="en-US" sz="2400" b="1" spc="-113" dirty="0">
                <a:solidFill>
                  <a:srgbClr val="000000"/>
                </a:solidFill>
                <a:latin typeface="Arial" panose="020B0604020202020204" pitchFamily="34" charset="0"/>
                <a:ea typeface="Arial" panose="020B0604020202020204" pitchFamily="34" charset="0"/>
                <a:cs typeface="Arial" panose="020B0604020202020204" pitchFamily="34" charset="0"/>
              </a:rPr>
              <a:t>November 7</a:t>
            </a:r>
            <a:r>
              <a:rPr lang="en-US" sz="2400" b="1" spc="-113" baseline="30000" dirty="0">
                <a:solidFill>
                  <a:srgbClr val="000000"/>
                </a:solidFill>
                <a:latin typeface="Arial" panose="020B0604020202020204" pitchFamily="34" charset="0"/>
                <a:ea typeface="Arial" panose="020B0604020202020204" pitchFamily="34" charset="0"/>
                <a:cs typeface="Arial" panose="020B0604020202020204" pitchFamily="34" charset="0"/>
              </a:rPr>
              <a:t>th</a:t>
            </a:r>
            <a:r>
              <a:rPr lang="en-US" sz="2400" b="1" spc="-113" dirty="0">
                <a:solidFill>
                  <a:srgbClr val="000000"/>
                </a:solidFill>
                <a:effectLst/>
                <a:latin typeface="Arial" panose="020B0604020202020204" pitchFamily="34" charset="0"/>
                <a:cs typeface="Arial" panose="020B0604020202020204" pitchFamily="34" charset="0"/>
              </a:rPr>
              <a:t>, 2018 Webinar</a:t>
            </a:r>
            <a:endParaRPr lang="en-US" sz="2400" b="1" dirty="0">
              <a:effectLst/>
              <a:latin typeface="Arial" panose="020B0604020202020204" pitchFamily="34" charset="0"/>
              <a:cs typeface="Arial" panose="020B0604020202020204" pitchFamily="34" charset="0"/>
            </a:endParaRPr>
          </a:p>
          <a:p>
            <a:endParaRPr lang="en-US" sz="2400" dirty="0">
              <a:latin typeface="Lato" panose="020F0502020204030203" pitchFamily="34" charset="0"/>
              <a:cs typeface="Lato" panose="020F0502020204030203" pitchFamily="34" charset="0"/>
            </a:endParaRPr>
          </a:p>
        </p:txBody>
      </p:sp>
      <p:pic>
        <p:nvPicPr>
          <p:cNvPr id="3" name="Picture 2" descr="James Emmett Photo">
            <a:extLst>
              <a:ext uri="{FF2B5EF4-FFF2-40B4-BE49-F238E27FC236}">
                <a16:creationId xmlns:a16="http://schemas.microsoft.com/office/drawing/2014/main" id="{3F8B1350-760E-4D01-84B0-203AEB44CB88}"/>
              </a:ext>
            </a:extLst>
          </p:cNvPr>
          <p:cNvPicPr>
            <a:picLocks noChangeAspect="1"/>
          </p:cNvPicPr>
          <p:nvPr/>
        </p:nvPicPr>
        <p:blipFill>
          <a:blip r:embed="rId4"/>
          <a:stretch>
            <a:fillRect/>
          </a:stretch>
        </p:blipFill>
        <p:spPr>
          <a:xfrm>
            <a:off x="1265049" y="4060779"/>
            <a:ext cx="1863762" cy="1863762"/>
          </a:xfrm>
          <a:prstGeom prst="rect">
            <a:avLst/>
          </a:prstGeom>
        </p:spPr>
      </p:pic>
      <p:sp>
        <p:nvSpPr>
          <p:cNvPr id="4" name="TextBox 3">
            <a:extLst>
              <a:ext uri="{FF2B5EF4-FFF2-40B4-BE49-F238E27FC236}">
                <a16:creationId xmlns:a16="http://schemas.microsoft.com/office/drawing/2014/main" id="{390770BD-6EDB-4985-B77A-745CE134ABD9}"/>
              </a:ext>
            </a:extLst>
          </p:cNvPr>
          <p:cNvSpPr txBox="1"/>
          <p:nvPr/>
        </p:nvSpPr>
        <p:spPr>
          <a:xfrm>
            <a:off x="1413930" y="5924541"/>
            <a:ext cx="1565999" cy="338554"/>
          </a:xfrm>
          <a:prstGeom prst="rect">
            <a:avLst/>
          </a:prstGeom>
          <a:noFill/>
        </p:spPr>
        <p:txBody>
          <a:bodyPr wrap="square" rtlCol="0">
            <a:spAutoFit/>
          </a:bodyPr>
          <a:lstStyle/>
          <a:p>
            <a:r>
              <a:rPr lang="en-US" sz="1600" dirty="0">
                <a:latin typeface="Baskerville"/>
              </a:rPr>
              <a:t>James Emmett</a:t>
            </a:r>
          </a:p>
        </p:txBody>
      </p:sp>
      <p:pic>
        <p:nvPicPr>
          <p:cNvPr id="5" name="Picture 4" descr="Meg O'Connell photo">
            <a:extLst>
              <a:ext uri="{FF2B5EF4-FFF2-40B4-BE49-F238E27FC236}">
                <a16:creationId xmlns:a16="http://schemas.microsoft.com/office/drawing/2014/main" id="{756523AC-476B-4B75-BF2C-18305DA4B3F6}"/>
              </a:ext>
            </a:extLst>
          </p:cNvPr>
          <p:cNvPicPr>
            <a:picLocks noChangeAspect="1"/>
          </p:cNvPicPr>
          <p:nvPr/>
        </p:nvPicPr>
        <p:blipFill>
          <a:blip r:embed="rId5"/>
          <a:stretch>
            <a:fillRect/>
          </a:stretch>
        </p:blipFill>
        <p:spPr>
          <a:xfrm>
            <a:off x="5753239" y="4047732"/>
            <a:ext cx="1879751" cy="1879751"/>
          </a:xfrm>
          <a:prstGeom prst="rect">
            <a:avLst/>
          </a:prstGeom>
        </p:spPr>
      </p:pic>
      <p:sp>
        <p:nvSpPr>
          <p:cNvPr id="8" name="TextBox 7">
            <a:extLst>
              <a:ext uri="{FF2B5EF4-FFF2-40B4-BE49-F238E27FC236}">
                <a16:creationId xmlns:a16="http://schemas.microsoft.com/office/drawing/2014/main" id="{5BAC0769-AFFB-4699-8B33-1A5B25D09737}"/>
              </a:ext>
            </a:extLst>
          </p:cNvPr>
          <p:cNvSpPr txBox="1"/>
          <p:nvPr/>
        </p:nvSpPr>
        <p:spPr>
          <a:xfrm>
            <a:off x="5905116" y="5924541"/>
            <a:ext cx="1575996" cy="338554"/>
          </a:xfrm>
          <a:prstGeom prst="rect">
            <a:avLst/>
          </a:prstGeom>
          <a:noFill/>
        </p:spPr>
        <p:txBody>
          <a:bodyPr wrap="square" rtlCol="0">
            <a:spAutoFit/>
          </a:bodyPr>
          <a:lstStyle/>
          <a:p>
            <a:r>
              <a:rPr lang="en-US" sz="1600" dirty="0">
                <a:latin typeface="Baskerville"/>
              </a:rPr>
              <a:t>Meg O’Connell</a:t>
            </a:r>
          </a:p>
        </p:txBody>
      </p:sp>
    </p:spTree>
    <p:extLst>
      <p:ext uri="{BB962C8B-B14F-4D97-AF65-F5344CB8AC3E}">
        <p14:creationId xmlns:p14="http://schemas.microsoft.com/office/powerpoint/2010/main" val="1122785842"/>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title"/>
          </p:nvPr>
        </p:nvSpPr>
        <p:spPr>
          <a:xfrm>
            <a:off x="2648390" y="164178"/>
            <a:ext cx="6187635" cy="775369"/>
          </a:xfrm>
        </p:spPr>
        <p:txBody>
          <a:bodyPr/>
          <a:lstStyle/>
          <a:p>
            <a:pPr>
              <a:lnSpc>
                <a:spcPts val="3000"/>
              </a:lnSpc>
              <a:defRPr/>
            </a:pPr>
            <a:r>
              <a:rPr lang="en-US" sz="3200" b="1" dirty="0">
                <a:solidFill>
                  <a:schemeClr val="bg1"/>
                </a:solidFill>
              </a:rPr>
              <a:t>History of strategic philanthropy for disability employment</a:t>
            </a:r>
            <a:endParaRPr lang="en-US" sz="2400" b="1" dirty="0">
              <a:solidFill>
                <a:schemeClr val="bg1"/>
              </a:solidFill>
            </a:endParaRPr>
          </a:p>
        </p:txBody>
      </p:sp>
      <p:sp>
        <p:nvSpPr>
          <p:cNvPr id="86019" name="Slide Number Placeholder 1"/>
          <p:cNvSpPr>
            <a:spLocks noGrp="1"/>
          </p:cNvSpPr>
          <p:nvPr>
            <p:ph type="sldNum" sz="quarter" idx="10"/>
          </p:nvPr>
        </p:nvSpPr>
        <p:spPr bwMode="auto">
          <a:noFill/>
          <a:ln>
            <a:round/>
            <a:headEnd/>
            <a:tailEnd/>
          </a:ln>
          <a:extLst>
            <a:ext uri="{909E8E84-426E-40DD-AFC4-6F175D3DCCD1}">
              <a14:hiddenFill xmlns:a14="http://schemas.microsoft.com/office/drawing/2010/main">
                <a:solidFill>
                  <a:srgbClr val="FFFFFF"/>
                </a:solidFill>
              </a14:hiddenFill>
            </a:ext>
          </a:extLst>
        </p:spPr>
        <p:txBody>
          <a:bodyPr wrap="square" numCol="1" anchorCtr="0" compatLnSpc="1">
            <a:prstTxWarp prst="textNoShape">
              <a:avLst/>
            </a:prstTxWarp>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912813" rtl="0" eaLnBrk="1" fontAlgn="base" latinLnBrk="0" hangingPunct="1">
              <a:lnSpc>
                <a:spcPct val="100000"/>
              </a:lnSpc>
              <a:spcBef>
                <a:spcPct val="0"/>
              </a:spcBef>
              <a:spcAft>
                <a:spcPct val="0"/>
              </a:spcAft>
              <a:buClrTx/>
              <a:buSzTx/>
              <a:buFontTx/>
              <a:buNone/>
              <a:tabLst/>
              <a:defRPr/>
            </a:pPr>
            <a:fld id="{361F4205-6E2C-45E7-8E3B-0191CF8668E0}" type="slidenum">
              <a:rPr kumimoji="0" lang="en-US" altLang="en-US" sz="18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ctr" defTabSz="912813" rtl="0" eaLnBrk="1" fontAlgn="base" latinLnBrk="0" hangingPunct="1">
                <a:lnSpc>
                  <a:spcPct val="100000"/>
                </a:lnSpc>
                <a:spcBef>
                  <a:spcPct val="0"/>
                </a:spcBef>
                <a:spcAft>
                  <a:spcPct val="0"/>
                </a:spcAft>
                <a:buClrTx/>
                <a:buSzTx/>
                <a:buFontTx/>
                <a:buNone/>
                <a:tabLst/>
                <a:defRPr/>
              </a:pPr>
              <a:t>10</a:t>
            </a:fld>
            <a:endParaRPr kumimoji="0" lang="en-US" altLang="en-US" sz="18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86020" name="BainBulletsConfiguration" hidden="1"/>
          <p:cNvSpPr txBox="1">
            <a:spLocks noChangeArrowheads="1"/>
          </p:cNvSpPr>
          <p:nvPr/>
        </p:nvSpPr>
        <p:spPr bwMode="auto">
          <a:xfrm>
            <a:off x="12700" y="12700"/>
            <a:ext cx="8890000" cy="107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altLang="en-US" sz="100" b="0" i="0" u="none" strike="noStrike" kern="1200" cap="none" spc="0" normalizeH="0" baseline="0" noProof="0">
                <a:ln>
                  <a:noFill/>
                </a:ln>
                <a:solidFill>
                  <a:srgbClr val="FFFFFF"/>
                </a:solidFill>
                <a:effectLst/>
                <a:uLnTx/>
                <a:uFillTx/>
                <a:latin typeface="Calibri" panose="020F0502020204030204" pitchFamily="34" charset="0"/>
                <a:ea typeface="+mn-ea"/>
                <a:cs typeface="+mn-cs"/>
              </a:rPr>
              <a:t>5_84</a:t>
            </a:r>
          </a:p>
        </p:txBody>
      </p:sp>
      <p:sp>
        <p:nvSpPr>
          <p:cNvPr id="86021" name="AutoShape 13"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p:cNvSpPr>
            <a:spLocks noChangeAspect="1" noChangeArrowheads="1"/>
          </p:cNvSpPr>
          <p:nvPr/>
        </p:nvSpPr>
        <p:spPr bwMode="auto">
          <a:xfrm>
            <a:off x="155575" y="-144463"/>
            <a:ext cx="304800" cy="30480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86022" name="AutoShape 15"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p:cNvSpPr>
            <a:spLocks noChangeAspect="1" noChangeArrowheads="1"/>
          </p:cNvSpPr>
          <p:nvPr/>
        </p:nvSpPr>
        <p:spPr bwMode="auto">
          <a:xfrm>
            <a:off x="307975" y="79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86023" name="AutoShape 26" descr="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"/>
          <p:cNvSpPr>
            <a:spLocks noChangeAspect="1" noChangeArrowheads="1"/>
          </p:cNvSpPr>
          <p:nvPr/>
        </p:nvSpPr>
        <p:spPr bwMode="auto">
          <a:xfrm>
            <a:off x="460375" y="1603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86024" name="AutoShape 28" descr="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"/>
          <p:cNvSpPr>
            <a:spLocks noChangeAspect="1" noChangeArrowheads="1"/>
          </p:cNvSpPr>
          <p:nvPr/>
        </p:nvSpPr>
        <p:spPr bwMode="auto">
          <a:xfrm>
            <a:off x="612775" y="3127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86025" name="AutoShape 30" descr="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"/>
          <p:cNvSpPr>
            <a:spLocks noChangeAspect="1" noChangeArrowheads="1"/>
          </p:cNvSpPr>
          <p:nvPr/>
        </p:nvSpPr>
        <p:spPr bwMode="auto">
          <a:xfrm>
            <a:off x="765175" y="4651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86026" name="AutoShape 6"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917575" y="6175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8" name="Pentagon 7"/>
          <p:cNvSpPr/>
          <p:nvPr/>
        </p:nvSpPr>
        <p:spPr>
          <a:xfrm>
            <a:off x="397254" y="2203374"/>
            <a:ext cx="4084117" cy="1649291"/>
          </a:xfrm>
          <a:prstGeom prst="homePlate">
            <a:avLst/>
          </a:prstGeom>
          <a:noFill/>
          <a:ln>
            <a:solidFill>
              <a:srgbClr val="4F81BD"/>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ow demand for hiring people with disabilitie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Few case studies of hiring at volume</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ittle knowledge of how to find, recruit, hire or retain</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Few disability inclusion consultants</a:t>
            </a:r>
          </a:p>
        </p:txBody>
      </p:sp>
      <p:sp>
        <p:nvSpPr>
          <p:cNvPr id="9" name="Rounded Rectangle 8"/>
          <p:cNvSpPr/>
          <p:nvPr/>
        </p:nvSpPr>
        <p:spPr>
          <a:xfrm>
            <a:off x="228600" y="1905000"/>
            <a:ext cx="3260026" cy="377851"/>
          </a:xfrm>
          <a:prstGeom prst="roundRect">
            <a:avLst/>
          </a:prstGeom>
          <a:solidFill>
            <a:srgbClr val="4F81B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white"/>
                </a:solidFill>
                <a:effectLst/>
                <a:uLnTx/>
                <a:uFillTx/>
                <a:latin typeface="Calibri"/>
                <a:ea typeface="+mn-ea"/>
                <a:cs typeface="+mn-cs"/>
              </a:rPr>
              <a:t>Companies</a:t>
            </a:r>
          </a:p>
        </p:txBody>
      </p:sp>
      <p:sp>
        <p:nvSpPr>
          <p:cNvPr id="46" name="Pentagon 45"/>
          <p:cNvSpPr/>
          <p:nvPr/>
        </p:nvSpPr>
        <p:spPr>
          <a:xfrm>
            <a:off x="411683" y="4330874"/>
            <a:ext cx="4084117" cy="891342"/>
          </a:xfrm>
          <a:prstGeom prst="homePlate">
            <a:avLst/>
          </a:prstGeom>
          <a:noFill/>
          <a:ln>
            <a:solidFill>
              <a:srgbClr val="4F81BD"/>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ittle understanding of business need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ittle benefit to jobseekers from large-scale workforce development programs</a:t>
            </a:r>
          </a:p>
        </p:txBody>
      </p:sp>
      <p:sp>
        <p:nvSpPr>
          <p:cNvPr id="47" name="Rounded Rectangle 46"/>
          <p:cNvSpPr/>
          <p:nvPr/>
        </p:nvSpPr>
        <p:spPr>
          <a:xfrm>
            <a:off x="230538" y="4002075"/>
            <a:ext cx="3260026" cy="377851"/>
          </a:xfrm>
          <a:prstGeom prst="roundRect">
            <a:avLst/>
          </a:prstGeom>
          <a:solidFill>
            <a:srgbClr val="4F81B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white"/>
                </a:solidFill>
                <a:effectLst/>
                <a:uLnTx/>
                <a:uFillTx/>
                <a:latin typeface="Calibri"/>
                <a:ea typeface="+mn-ea"/>
                <a:cs typeface="+mn-cs"/>
              </a:rPr>
              <a:t>Disability/Workforce Agencies</a:t>
            </a:r>
          </a:p>
        </p:txBody>
      </p:sp>
      <p:sp>
        <p:nvSpPr>
          <p:cNvPr id="48" name="Pentagon 47"/>
          <p:cNvSpPr/>
          <p:nvPr/>
        </p:nvSpPr>
        <p:spPr>
          <a:xfrm>
            <a:off x="411683" y="5689600"/>
            <a:ext cx="4084117" cy="635000"/>
          </a:xfrm>
          <a:prstGeom prst="homePlate">
            <a:avLst/>
          </a:prstGeom>
          <a:noFill/>
          <a:ln>
            <a:solidFill>
              <a:srgbClr val="4F81BD"/>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Low interest from foundations on disability employment</a:t>
            </a:r>
          </a:p>
        </p:txBody>
      </p:sp>
      <p:sp>
        <p:nvSpPr>
          <p:cNvPr id="49" name="Rounded Rectangle 48"/>
          <p:cNvSpPr/>
          <p:nvPr/>
        </p:nvSpPr>
        <p:spPr>
          <a:xfrm>
            <a:off x="230538" y="5373674"/>
            <a:ext cx="3260026" cy="377851"/>
          </a:xfrm>
          <a:prstGeom prst="roundRect">
            <a:avLst/>
          </a:prstGeom>
          <a:solidFill>
            <a:srgbClr val="4F81B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white"/>
                </a:solidFill>
                <a:effectLst/>
                <a:uLnTx/>
                <a:uFillTx/>
                <a:latin typeface="Calibri"/>
                <a:ea typeface="+mn-ea"/>
                <a:cs typeface="+mn-cs"/>
              </a:rPr>
              <a:t>Funders</a:t>
            </a:r>
          </a:p>
        </p:txBody>
      </p:sp>
      <p:sp>
        <p:nvSpPr>
          <p:cNvPr id="12" name="TextBox 11"/>
          <p:cNvSpPr txBox="1"/>
          <p:nvPr/>
        </p:nvSpPr>
        <p:spPr>
          <a:xfrm>
            <a:off x="1346804" y="1345910"/>
            <a:ext cx="1901825" cy="335756"/>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4F81BD"/>
                </a:solidFill>
                <a:effectLst/>
                <a:uLnTx/>
                <a:uFillTx/>
                <a:latin typeface="Calibri"/>
                <a:ea typeface="+mn-ea"/>
                <a:cs typeface="+mn-cs"/>
              </a:rPr>
              <a:t>Obstacles</a:t>
            </a:r>
          </a:p>
        </p:txBody>
      </p:sp>
      <p:sp>
        <p:nvSpPr>
          <p:cNvPr id="53" name="TextBox 52"/>
          <p:cNvSpPr txBox="1"/>
          <p:nvPr/>
        </p:nvSpPr>
        <p:spPr>
          <a:xfrm>
            <a:off x="5552741" y="1345910"/>
            <a:ext cx="1901825" cy="369332"/>
          </a:xfrm>
          <a:prstGeom prst="rect">
            <a:avLst/>
          </a:prstGeom>
          <a:solidFill>
            <a:schemeClr val="bg1"/>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4F81BD"/>
                </a:solidFill>
                <a:effectLst/>
                <a:uLnTx/>
                <a:uFillTx/>
                <a:latin typeface="Calibri"/>
                <a:ea typeface="+mn-ea"/>
                <a:cs typeface="+mn-cs"/>
              </a:rPr>
              <a:t>Our Framework</a:t>
            </a:r>
          </a:p>
        </p:txBody>
      </p:sp>
      <p:sp>
        <p:nvSpPr>
          <p:cNvPr id="14" name="Rectangle 13"/>
          <p:cNvSpPr/>
          <p:nvPr/>
        </p:nvSpPr>
        <p:spPr>
          <a:xfrm>
            <a:off x="4953000" y="1752600"/>
            <a:ext cx="3122738" cy="1754326"/>
          </a:xfrm>
          <a:prstGeom prst="rect">
            <a:avLst/>
          </a:prstGeom>
        </p:spPr>
        <p:txBody>
          <a:bodyP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1" u="none" strike="noStrike" kern="1200" cap="none" spc="0" normalizeH="0" baseline="0" noProof="0" dirty="0">
                <a:ln>
                  <a:noFill/>
                </a:ln>
                <a:solidFill>
                  <a:prstClr val="black"/>
                </a:solidFill>
                <a:effectLst/>
                <a:uLnTx/>
                <a:uFillTx/>
                <a:latin typeface="Calibri"/>
                <a:ea typeface="Calibri" panose="020F0502020204030204" pitchFamily="34" charset="0"/>
                <a:cs typeface="Times New Roman" panose="02020603050405020304" pitchFamily="18" charset="0"/>
              </a:rPr>
              <a:t>Become a catalyst for the employment of people with disabilities by creating a high volume of jobs in a relatively short period of time by using a variety of models</a:t>
            </a:r>
            <a:endParaRPr kumimoji="0" lang="en-US" sz="1800" b="0" i="0" u="none" strike="noStrike" kern="1200" cap="none" spc="0" normalizeH="0" baseline="0" noProof="0" dirty="0">
              <a:ln>
                <a:noFill/>
              </a:ln>
              <a:solidFill>
                <a:prstClr val="black"/>
              </a:solidFill>
              <a:effectLst/>
              <a:uLnTx/>
              <a:uFillTx/>
              <a:latin typeface="Calibri"/>
              <a:ea typeface="Calibri" panose="020F0502020204030204" pitchFamily="34" charset="0"/>
              <a:cs typeface="Times New Roman" panose="02020603050405020304" pitchFamily="18" charset="0"/>
            </a:endParaRPr>
          </a:p>
        </p:txBody>
      </p:sp>
      <p:sp>
        <p:nvSpPr>
          <p:cNvPr id="15" name="Isosceles Triangle 14" descr="Triangle pointing downwards"/>
          <p:cNvSpPr/>
          <p:nvPr/>
        </p:nvSpPr>
        <p:spPr>
          <a:xfrm rot="10800000">
            <a:off x="4951413" y="3619975"/>
            <a:ext cx="3124325" cy="403065"/>
          </a:xfrm>
          <a:prstGeom prst="triangl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Calibri"/>
              <a:ea typeface="+mn-ea"/>
              <a:cs typeface="+mn-cs"/>
            </a:endParaRPr>
          </a:p>
        </p:txBody>
      </p:sp>
      <p:sp>
        <p:nvSpPr>
          <p:cNvPr id="16" name="TextBox 15"/>
          <p:cNvSpPr txBox="1"/>
          <p:nvPr/>
        </p:nvSpPr>
        <p:spPr>
          <a:xfrm>
            <a:off x="5383551" y="4222991"/>
            <a:ext cx="2978484" cy="58477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1" u="none" strike="noStrike" kern="1200" cap="none" spc="0" normalizeH="0" baseline="0" noProof="0" dirty="0">
                <a:ln>
                  <a:noFill/>
                </a:ln>
                <a:solidFill>
                  <a:prstClr val="black"/>
                </a:solidFill>
                <a:effectLst/>
                <a:uLnTx/>
                <a:uFillTx/>
                <a:latin typeface="Calibri"/>
                <a:ea typeface="+mn-ea"/>
                <a:cs typeface="+mn-cs"/>
              </a:rPr>
              <a:t>National: </a:t>
            </a:r>
            <a:r>
              <a:rPr kumimoji="0" lang="en-US" sz="1600" b="0" i="0" u="none" strike="noStrike" kern="1200" cap="none" spc="0" normalizeH="0" baseline="0" noProof="0" dirty="0">
                <a:ln>
                  <a:noFill/>
                </a:ln>
                <a:solidFill>
                  <a:prstClr val="black"/>
                </a:solidFill>
                <a:effectLst/>
                <a:uLnTx/>
                <a:uFillTx/>
                <a:latin typeface="Calibri"/>
                <a:ea typeface="+mn-ea"/>
                <a:cs typeface="+mn-cs"/>
              </a:rPr>
              <a:t>Company readiness through one-to-one or cohort</a:t>
            </a:r>
            <a:endParaRPr kumimoji="0" lang="en-US" sz="1600" b="1" i="1" u="none" strike="noStrike" kern="1200" cap="none" spc="0" normalizeH="0" baseline="0" noProof="0" dirty="0">
              <a:ln>
                <a:noFill/>
              </a:ln>
              <a:solidFill>
                <a:prstClr val="black"/>
              </a:solidFill>
              <a:effectLst/>
              <a:uLnTx/>
              <a:uFillTx/>
              <a:latin typeface="Calibri"/>
              <a:ea typeface="+mn-ea"/>
              <a:cs typeface="+mn-cs"/>
            </a:endParaRPr>
          </a:p>
        </p:txBody>
      </p:sp>
      <p:sp>
        <p:nvSpPr>
          <p:cNvPr id="71" name="TextBox 70"/>
          <p:cNvSpPr txBox="1"/>
          <p:nvPr/>
        </p:nvSpPr>
        <p:spPr>
          <a:xfrm>
            <a:off x="5383551" y="4900811"/>
            <a:ext cx="2978484" cy="58477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1" u="none" strike="noStrike" kern="1200" cap="none" spc="0" normalizeH="0" baseline="0" noProof="0" dirty="0">
                <a:ln>
                  <a:noFill/>
                </a:ln>
                <a:solidFill>
                  <a:prstClr val="black"/>
                </a:solidFill>
                <a:effectLst/>
                <a:uLnTx/>
                <a:uFillTx/>
                <a:latin typeface="Calibri"/>
                <a:ea typeface="+mn-ea"/>
                <a:cs typeface="+mn-cs"/>
              </a:rPr>
              <a:t>Local: </a:t>
            </a:r>
            <a:r>
              <a:rPr kumimoji="0" lang="en-US" sz="1600" b="0" i="0" u="none" strike="noStrike" kern="1200" cap="none" spc="0" normalizeH="0" baseline="0" noProof="0" dirty="0">
                <a:ln>
                  <a:noFill/>
                </a:ln>
                <a:solidFill>
                  <a:prstClr val="black"/>
                </a:solidFill>
                <a:effectLst/>
                <a:uLnTx/>
                <a:uFillTx/>
                <a:latin typeface="Calibri"/>
                <a:ea typeface="+mn-ea"/>
                <a:cs typeface="+mn-cs"/>
              </a:rPr>
              <a:t>Networks of businesses, government, nonprofit agencies</a:t>
            </a:r>
            <a:endParaRPr kumimoji="0" lang="en-US" sz="1600" b="1" i="1" u="none" strike="noStrike" kern="1200" cap="none" spc="0" normalizeH="0" baseline="0" noProof="0" dirty="0">
              <a:ln>
                <a:noFill/>
              </a:ln>
              <a:solidFill>
                <a:prstClr val="black"/>
              </a:solidFill>
              <a:effectLst/>
              <a:uLnTx/>
              <a:uFillTx/>
              <a:latin typeface="Calibri"/>
              <a:ea typeface="+mn-ea"/>
              <a:cs typeface="+mn-cs"/>
            </a:endParaRPr>
          </a:p>
        </p:txBody>
      </p:sp>
      <p:sp>
        <p:nvSpPr>
          <p:cNvPr id="72" name="TextBox 71"/>
          <p:cNvSpPr txBox="1"/>
          <p:nvPr/>
        </p:nvSpPr>
        <p:spPr>
          <a:xfrm>
            <a:off x="5383551" y="5587425"/>
            <a:ext cx="3040730" cy="58477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1" u="none" strike="noStrike" kern="1200" cap="none" spc="0" normalizeH="0" baseline="0" noProof="0" dirty="0">
                <a:ln>
                  <a:noFill/>
                </a:ln>
                <a:solidFill>
                  <a:prstClr val="black"/>
                </a:solidFill>
                <a:effectLst/>
                <a:uLnTx/>
                <a:uFillTx/>
                <a:latin typeface="Calibri"/>
                <a:ea typeface="+mn-ea"/>
                <a:cs typeface="+mn-cs"/>
              </a:rPr>
              <a:t>Field-Building: </a:t>
            </a:r>
            <a:r>
              <a:rPr kumimoji="0" lang="en-US" sz="1600" b="0" i="0" u="none" strike="noStrike" kern="1200" cap="none" spc="0" normalizeH="0" baseline="0" noProof="0" dirty="0">
                <a:ln>
                  <a:noFill/>
                </a:ln>
                <a:solidFill>
                  <a:prstClr val="black"/>
                </a:solidFill>
                <a:effectLst/>
                <a:uLnTx/>
                <a:uFillTx/>
                <a:latin typeface="Calibri"/>
                <a:ea typeface="+mn-ea"/>
                <a:cs typeface="+mn-cs"/>
              </a:rPr>
              <a:t>Increased numbers of consultants and funders</a:t>
            </a:r>
            <a:endParaRPr kumimoji="0" lang="en-US" sz="1600" b="1" i="1"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970699101"/>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descr="Composite image of the logos for Columbus, OH, Louisville KY, Kansas City MO, St. Louis, MO. and the state of Georgia. ">
            <a:extLst>
              <a:ext uri="{FF2B5EF4-FFF2-40B4-BE49-F238E27FC236}">
                <a16:creationId xmlns:a16="http://schemas.microsoft.com/office/drawing/2014/main" id="{D6F3AEDB-42A2-42F8-904C-ED4141E5708D}"/>
              </a:ext>
            </a:extLst>
          </p:cNvPr>
          <p:cNvPicPr>
            <a:picLocks noChangeAspect="1"/>
          </p:cNvPicPr>
          <p:nvPr/>
        </p:nvPicPr>
        <p:blipFill>
          <a:blip r:embed="rId3"/>
          <a:stretch>
            <a:fillRect/>
          </a:stretch>
        </p:blipFill>
        <p:spPr>
          <a:xfrm>
            <a:off x="765175" y="5283201"/>
            <a:ext cx="3609975" cy="1304925"/>
          </a:xfrm>
          <a:prstGeom prst="rect">
            <a:avLst/>
          </a:prstGeom>
        </p:spPr>
      </p:pic>
      <p:sp>
        <p:nvSpPr>
          <p:cNvPr id="6" name="Title 5"/>
          <p:cNvSpPr>
            <a:spLocks noGrp="1"/>
          </p:cNvSpPr>
          <p:nvPr>
            <p:ph type="title"/>
          </p:nvPr>
        </p:nvSpPr>
        <p:spPr>
          <a:xfrm>
            <a:off x="2246313" y="153471"/>
            <a:ext cx="6693221" cy="776804"/>
          </a:xfrm>
        </p:spPr>
        <p:txBody>
          <a:bodyPr/>
          <a:lstStyle/>
          <a:p>
            <a:pPr>
              <a:lnSpc>
                <a:spcPts val="3000"/>
              </a:lnSpc>
              <a:defRPr/>
            </a:pPr>
            <a:r>
              <a:rPr lang="en-US" sz="3200" b="1" dirty="0">
                <a:solidFill>
                  <a:schemeClr val="bg1"/>
                </a:solidFill>
              </a:rPr>
              <a:t>Sample strategy from the Poses Family Foundation Workplace Initiative</a:t>
            </a:r>
          </a:p>
        </p:txBody>
      </p:sp>
      <p:sp>
        <p:nvSpPr>
          <p:cNvPr id="43011" name="Slide Number Placeholder 1"/>
          <p:cNvSpPr>
            <a:spLocks noGrp="1"/>
          </p:cNvSpPr>
          <p:nvPr>
            <p:ph type="sldNum" sz="quarter" idx="10"/>
          </p:nvPr>
        </p:nvSpPr>
        <p:spPr bwMode="auto">
          <a:noFill/>
          <a:ln>
            <a:round/>
            <a:headEnd/>
            <a:tailEnd/>
          </a:ln>
          <a:extLst>
            <a:ext uri="{909E8E84-426E-40DD-AFC4-6F175D3DCCD1}">
              <a14:hiddenFill xmlns:a14="http://schemas.microsoft.com/office/drawing/2010/main">
                <a:solidFill>
                  <a:srgbClr val="FFFFFF"/>
                </a:solidFill>
              </a14:hiddenFill>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ctr" defTabSz="912813" rtl="0" eaLnBrk="1" fontAlgn="base" latinLnBrk="0" hangingPunct="1">
              <a:lnSpc>
                <a:spcPct val="100000"/>
              </a:lnSpc>
              <a:spcBef>
                <a:spcPct val="0"/>
              </a:spcBef>
              <a:spcAft>
                <a:spcPct val="0"/>
              </a:spcAft>
              <a:buClrTx/>
              <a:buSzTx/>
              <a:buFontTx/>
              <a:buNone/>
              <a:tabLst/>
              <a:defRPr/>
            </a:pPr>
            <a:fld id="{C5D15C1B-D794-46BF-B24F-D763C109D0BF}" type="slidenum">
              <a:rPr kumimoji="0" lang="en-US" altLang="en-US" sz="18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ctr" defTabSz="912813" rtl="0" eaLnBrk="1" fontAlgn="base" latinLnBrk="0" hangingPunct="1">
                <a:lnSpc>
                  <a:spcPct val="100000"/>
                </a:lnSpc>
                <a:spcBef>
                  <a:spcPct val="0"/>
                </a:spcBef>
                <a:spcAft>
                  <a:spcPct val="0"/>
                </a:spcAft>
                <a:buClrTx/>
                <a:buSzTx/>
                <a:buFontTx/>
                <a:buNone/>
                <a:tabLst/>
                <a:defRPr/>
              </a:pPr>
              <a:t>11</a:t>
            </a:fld>
            <a:endParaRPr kumimoji="0" lang="en-US" altLang="en-US" sz="18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43012" name="BainBulletsConfiguration" hidden="1"/>
          <p:cNvSpPr txBox="1">
            <a:spLocks noChangeArrowheads="1"/>
          </p:cNvSpPr>
          <p:nvPr/>
        </p:nvSpPr>
        <p:spPr bwMode="auto">
          <a:xfrm>
            <a:off x="12700" y="12700"/>
            <a:ext cx="8890000" cy="107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altLang="en-US" sz="100" b="0" i="0" u="none" strike="noStrike" kern="1200" cap="none" spc="0" normalizeH="0" baseline="0" noProof="0">
                <a:ln>
                  <a:noFill/>
                </a:ln>
                <a:solidFill>
                  <a:srgbClr val="FFFFFF"/>
                </a:solidFill>
                <a:effectLst/>
                <a:uLnTx/>
                <a:uFillTx/>
                <a:latin typeface="Calibri" panose="020F0502020204030204" pitchFamily="34" charset="0"/>
                <a:ea typeface="+mn-ea"/>
                <a:cs typeface="+mn-cs"/>
              </a:rPr>
              <a:t>5_84</a:t>
            </a:r>
          </a:p>
        </p:txBody>
      </p:sp>
      <p:sp>
        <p:nvSpPr>
          <p:cNvPr id="43013" name="AutoShape 13"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p:cNvSpPr>
            <a:spLocks noChangeAspect="1" noChangeArrowheads="1"/>
          </p:cNvSpPr>
          <p:nvPr/>
        </p:nvSpPr>
        <p:spPr bwMode="auto">
          <a:xfrm>
            <a:off x="155575" y="-144463"/>
            <a:ext cx="304800" cy="30480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14" name="AutoShape 15"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p:cNvSpPr>
            <a:spLocks noChangeAspect="1" noChangeArrowheads="1"/>
          </p:cNvSpPr>
          <p:nvPr/>
        </p:nvSpPr>
        <p:spPr bwMode="auto">
          <a:xfrm>
            <a:off x="307975" y="79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15" name="AutoShape 30" descr="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"/>
          <p:cNvSpPr>
            <a:spLocks noChangeAspect="1" noChangeArrowheads="1"/>
          </p:cNvSpPr>
          <p:nvPr/>
        </p:nvSpPr>
        <p:spPr bwMode="auto">
          <a:xfrm>
            <a:off x="765175" y="4651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16" name="AutoShape 6"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917575" y="6175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17" name="AutoShape 8"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1069975" y="7699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18" name="AutoShape 10"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993775" y="969963"/>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8" name="Up-Down Arrow 47" descr="up down arrow.&#10;"/>
          <p:cNvSpPr/>
          <p:nvPr/>
        </p:nvSpPr>
        <p:spPr>
          <a:xfrm>
            <a:off x="5180013" y="1371600"/>
            <a:ext cx="600075" cy="4965700"/>
          </a:xfrm>
          <a:prstGeom prst="upDownArrow">
            <a:avLst/>
          </a:prstGeom>
          <a:solidFill>
            <a:srgbClr val="D9D9D9"/>
          </a:solidFill>
          <a:ln>
            <a:noFill/>
          </a:ln>
        </p:spPr>
        <p:style>
          <a:lnRef idx="2">
            <a:schemeClr val="accent1">
              <a:shade val="50000"/>
            </a:schemeClr>
          </a:lnRef>
          <a:fillRef idx="1">
            <a:schemeClr val="accent1"/>
          </a:fillRef>
          <a:effectRef idx="0">
            <a:schemeClr val="accent1"/>
          </a:effectRef>
          <a:fontRef idx="minor">
            <a:schemeClr val="lt1"/>
          </a:fontRef>
        </p:style>
        <p:txBody>
          <a:bodyPr vert="vert" lIns="91431" tIns="45716" rIns="91431" bIns="45716" anchor="ctr"/>
          <a:lstStyle/>
          <a:p>
            <a:pPr marL="0" marR="0" lvl="0" indent="0" algn="ctr" defTabSz="914309" rtl="0" eaLnBrk="1" fontAlgn="auto" latinLnBrk="0" hangingPunct="1">
              <a:lnSpc>
                <a:spcPct val="100000"/>
              </a:lnSpc>
              <a:spcBef>
                <a:spcPts val="0"/>
              </a:spcBef>
              <a:spcAft>
                <a:spcPts val="0"/>
              </a:spcAft>
              <a:buClrTx/>
              <a:buSzTx/>
              <a:buFontTx/>
              <a:buNone/>
              <a:tabLst/>
              <a:defRPr/>
            </a:pPr>
            <a:endParaRPr kumimoji="0" lang="en-US" sz="1600" b="1" i="0" u="sng" strike="noStrike" kern="1200" cap="none" spc="0" normalizeH="0" baseline="0" noProof="0" dirty="0">
              <a:ln>
                <a:noFill/>
              </a:ln>
              <a:solidFill>
                <a:srgbClr val="000000"/>
              </a:solidFill>
              <a:effectLst/>
              <a:uLnTx/>
              <a:uFillTx/>
              <a:latin typeface="Calibri"/>
              <a:ea typeface="+mn-ea"/>
              <a:cs typeface="+mn-cs"/>
            </a:endParaRPr>
          </a:p>
        </p:txBody>
      </p:sp>
      <p:sp>
        <p:nvSpPr>
          <p:cNvPr id="49" name="Rectangle 48"/>
          <p:cNvSpPr/>
          <p:nvPr/>
        </p:nvSpPr>
        <p:spPr>
          <a:xfrm>
            <a:off x="573088" y="1684338"/>
            <a:ext cx="4562475" cy="427037"/>
          </a:xfrm>
          <a:prstGeom prst="rect">
            <a:avLst/>
          </a:prstGeom>
          <a:solidFill>
            <a:srgbClr val="4BACC6"/>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nchor="ctr"/>
          <a:lstStyle/>
          <a:p>
            <a:pPr marL="0" marR="0" lvl="0" indent="0" algn="ctr" defTabSz="914309" rtl="0" eaLnBrk="1" fontAlgn="auto" latinLnBrk="0" hangingPunct="1">
              <a:lnSpc>
                <a:spcPts val="1600"/>
              </a:lnSpc>
              <a:spcBef>
                <a:spcPts val="0"/>
              </a:spcBef>
              <a:spcAft>
                <a:spcPts val="0"/>
              </a:spcAft>
              <a:buClrTx/>
              <a:buSzTx/>
              <a:buFontTx/>
              <a:buNone/>
              <a:tabLst/>
              <a:defRPr/>
            </a:pPr>
            <a:r>
              <a:rPr kumimoji="0" lang="en-US" sz="1600" b="1" i="0" u="sng" strike="noStrike" kern="1200" cap="none" spc="0" normalizeH="0" baseline="0" noProof="0" dirty="0">
                <a:ln>
                  <a:noFill/>
                </a:ln>
                <a:solidFill>
                  <a:schemeClr val="tx1"/>
                </a:solidFill>
                <a:effectLst/>
                <a:uLnTx/>
                <a:uFillTx/>
                <a:latin typeface="Calibri"/>
                <a:ea typeface="+mn-ea"/>
                <a:cs typeface="+mn-cs"/>
              </a:rPr>
              <a:t>National Strategy</a:t>
            </a:r>
          </a:p>
        </p:txBody>
      </p:sp>
      <p:sp>
        <p:nvSpPr>
          <p:cNvPr id="43021" name="AutoShape 13"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p:cNvSpPr>
            <a:spLocks noChangeAspect="1" noChangeArrowheads="1"/>
          </p:cNvSpPr>
          <p:nvPr/>
        </p:nvSpPr>
        <p:spPr bwMode="auto">
          <a:xfrm>
            <a:off x="2586038" y="1600200"/>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22" name="AutoShape 15"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p:cNvSpPr>
            <a:spLocks noChangeAspect="1" noChangeArrowheads="1"/>
          </p:cNvSpPr>
          <p:nvPr/>
        </p:nvSpPr>
        <p:spPr bwMode="auto">
          <a:xfrm>
            <a:off x="2738438" y="1752600"/>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23" name="AutoShape 26" descr="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"/>
          <p:cNvSpPr>
            <a:spLocks noChangeAspect="1" noChangeArrowheads="1"/>
          </p:cNvSpPr>
          <p:nvPr/>
        </p:nvSpPr>
        <p:spPr bwMode="auto">
          <a:xfrm>
            <a:off x="2890838" y="1905000"/>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24" name="AutoShape 28" descr="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"/>
          <p:cNvSpPr>
            <a:spLocks noChangeAspect="1" noChangeArrowheads="1"/>
          </p:cNvSpPr>
          <p:nvPr/>
        </p:nvSpPr>
        <p:spPr bwMode="auto">
          <a:xfrm>
            <a:off x="3043238" y="2057400"/>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25" name="AutoShape 30" descr="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"/>
          <p:cNvSpPr>
            <a:spLocks noChangeAspect="1" noChangeArrowheads="1"/>
          </p:cNvSpPr>
          <p:nvPr/>
        </p:nvSpPr>
        <p:spPr bwMode="auto">
          <a:xfrm>
            <a:off x="3195638" y="2209800"/>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26" name="AutoShape 6"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3348038" y="2362200"/>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27" name="AutoShape 8"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3409950" y="24209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28" name="AutoShape 10"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3100388" y="25606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3029" name="Rectangle 20"/>
          <p:cNvSpPr>
            <a:spLocks noChangeArrowheads="1"/>
          </p:cNvSpPr>
          <p:nvPr/>
        </p:nvSpPr>
        <p:spPr bwMode="auto">
          <a:xfrm>
            <a:off x="573088" y="4940300"/>
            <a:ext cx="4562475" cy="522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altLang="en-US" sz="1400" b="0" i="0" u="none" strike="noStrike" kern="1200" cap="none" spc="0" normalizeH="0" baseline="0" noProof="0">
                <a:ln>
                  <a:noFill/>
                </a:ln>
                <a:solidFill>
                  <a:prstClr val="black"/>
                </a:solidFill>
                <a:effectLst/>
                <a:uLnTx/>
                <a:uFillTx/>
                <a:latin typeface="Calibri" panose="020F0502020204030204" pitchFamily="34" charset="0"/>
                <a:ea typeface="+mn-ea"/>
                <a:cs typeface="+mn-cs"/>
              </a:rPr>
              <a:t>We support local communities to collaborate and employ people with disabilities locally.</a:t>
            </a:r>
          </a:p>
        </p:txBody>
      </p:sp>
      <p:sp>
        <p:nvSpPr>
          <p:cNvPr id="43030" name="Rectangle 4"/>
          <p:cNvSpPr>
            <a:spLocks noChangeArrowheads="1"/>
          </p:cNvSpPr>
          <p:nvPr/>
        </p:nvSpPr>
        <p:spPr bwMode="auto">
          <a:xfrm>
            <a:off x="573088" y="2117725"/>
            <a:ext cx="4562475" cy="5238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altLang="en-US" sz="1400" b="0" i="0" u="none" strike="noStrike" kern="1200" cap="none" spc="0" normalizeH="0" baseline="0" noProof="0">
                <a:ln>
                  <a:noFill/>
                </a:ln>
                <a:solidFill>
                  <a:prstClr val="black"/>
                </a:solidFill>
                <a:effectLst/>
                <a:uLnTx/>
                <a:uFillTx/>
                <a:latin typeface="Calibri" panose="020F0502020204030204" pitchFamily="34" charset="0"/>
                <a:ea typeface="+mn-ea"/>
                <a:cs typeface="+mn-cs"/>
              </a:rPr>
              <a:t>We support major corporations to implement largescale disability hiring programs.</a:t>
            </a:r>
          </a:p>
        </p:txBody>
      </p:sp>
      <p:sp>
        <p:nvSpPr>
          <p:cNvPr id="43031" name="Rectangle 8"/>
          <p:cNvSpPr>
            <a:spLocks noChangeArrowheads="1"/>
          </p:cNvSpPr>
          <p:nvPr/>
        </p:nvSpPr>
        <p:spPr bwMode="auto">
          <a:xfrm>
            <a:off x="5951538" y="2349500"/>
            <a:ext cx="2185987" cy="1816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altLang="en-US" sz="1400" b="0" i="0" u="none" strike="noStrike" kern="1200" cap="none" spc="0" normalizeH="0" baseline="0" noProof="0">
                <a:ln>
                  <a:noFill/>
                </a:ln>
                <a:solidFill>
                  <a:prstClr val="black"/>
                </a:solidFill>
                <a:effectLst/>
                <a:uLnTx/>
                <a:uFillTx/>
                <a:latin typeface="Calibri" panose="020F0502020204030204" pitchFamily="34" charset="0"/>
                <a:ea typeface="+mn-ea"/>
                <a:cs typeface="+mn-cs"/>
              </a:rPr>
              <a:t>We collaborate across the field to share knowledge, increase resources, and amplify impact. We build capacity and expertise in the field to activate a new generation of leaders in disability inclusion.</a:t>
            </a:r>
          </a:p>
        </p:txBody>
      </p:sp>
      <p:sp>
        <p:nvSpPr>
          <p:cNvPr id="72" name="Up Arrow 71" descr="Up arrow #1"/>
          <p:cNvSpPr/>
          <p:nvPr/>
        </p:nvSpPr>
        <p:spPr>
          <a:xfrm>
            <a:off x="1676400" y="3803650"/>
            <a:ext cx="569913" cy="460375"/>
          </a:xfrm>
          <a:prstGeom prst="upArrow">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lstStyle/>
          <a:p>
            <a:pPr marL="0" marR="0" lvl="0" indent="0" algn="ctr" defTabSz="914309" rtl="0" eaLnBrk="1" fontAlgn="auto" latinLnBrk="0" hangingPunct="1">
              <a:lnSpc>
                <a:spcPct val="100000"/>
              </a:lnSpc>
              <a:spcBef>
                <a:spcPts val="0"/>
              </a:spcBef>
              <a:spcAft>
                <a:spcPts val="0"/>
              </a:spcAft>
              <a:buClrTx/>
              <a:buSzTx/>
              <a:buFontTx/>
              <a:buNone/>
              <a:tabLst/>
              <a:defRPr/>
            </a:pPr>
            <a:endParaRPr kumimoji="0" lang="en-US" sz="1400" b="0" i="0" u="sng" strike="noStrike" kern="1200" cap="none" spc="0" normalizeH="0" baseline="0" noProof="0">
              <a:ln>
                <a:noFill/>
              </a:ln>
              <a:solidFill>
                <a:srgbClr val="FFFFFF"/>
              </a:solidFill>
              <a:effectLst/>
              <a:uLnTx/>
              <a:uFillTx/>
              <a:latin typeface="Calibri"/>
              <a:ea typeface="+mn-ea"/>
              <a:cs typeface="+mn-cs"/>
            </a:endParaRPr>
          </a:p>
        </p:txBody>
      </p:sp>
      <p:sp>
        <p:nvSpPr>
          <p:cNvPr id="73" name="Up Arrow 72" descr="Down Arrow #1&#10;"/>
          <p:cNvSpPr/>
          <p:nvPr/>
        </p:nvSpPr>
        <p:spPr>
          <a:xfrm rot="10800000">
            <a:off x="2965450" y="3843338"/>
            <a:ext cx="569913" cy="460375"/>
          </a:xfrm>
          <a:prstGeom prst="up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lstStyle/>
          <a:p>
            <a:pPr marL="0" marR="0" lvl="0" indent="0" algn="ctr" defTabSz="914309" rtl="0" eaLnBrk="1" fontAlgn="auto" latinLnBrk="0" hangingPunct="1">
              <a:lnSpc>
                <a:spcPct val="100000"/>
              </a:lnSpc>
              <a:spcBef>
                <a:spcPts val="0"/>
              </a:spcBef>
              <a:spcAft>
                <a:spcPts val="0"/>
              </a:spcAft>
              <a:buClrTx/>
              <a:buSzTx/>
              <a:buFontTx/>
              <a:buNone/>
              <a:tabLst/>
              <a:defRPr/>
            </a:pPr>
            <a:endParaRPr kumimoji="0" lang="en-US" sz="1400" b="0" i="0" u="sng" strike="noStrike" kern="1200" cap="none" spc="0" normalizeH="0" baseline="0" noProof="0">
              <a:ln>
                <a:noFill/>
              </a:ln>
              <a:solidFill>
                <a:srgbClr val="FFFFFF"/>
              </a:solidFill>
              <a:effectLst/>
              <a:uLnTx/>
              <a:uFillTx/>
              <a:latin typeface="Calibri"/>
              <a:ea typeface="+mn-ea"/>
              <a:cs typeface="+mn-cs"/>
            </a:endParaRPr>
          </a:p>
        </p:txBody>
      </p:sp>
      <p:sp>
        <p:nvSpPr>
          <p:cNvPr id="77" name="Rectangle 76"/>
          <p:cNvSpPr/>
          <p:nvPr/>
        </p:nvSpPr>
        <p:spPr>
          <a:xfrm>
            <a:off x="573088" y="4506913"/>
            <a:ext cx="4562475" cy="428625"/>
          </a:xfrm>
          <a:prstGeom prst="rect">
            <a:avLst/>
          </a:prstGeom>
          <a:solidFill>
            <a:srgbClr val="376092"/>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nchor="ctr"/>
          <a:lstStyle/>
          <a:p>
            <a:pPr marL="0" marR="0" lvl="0" indent="0" algn="ctr" defTabSz="914309" rtl="0" eaLnBrk="1" fontAlgn="auto" latinLnBrk="0" hangingPunct="1">
              <a:lnSpc>
                <a:spcPts val="1600"/>
              </a:lnSpc>
              <a:spcBef>
                <a:spcPts val="0"/>
              </a:spcBef>
              <a:spcAft>
                <a:spcPts val="0"/>
              </a:spcAft>
              <a:buClrTx/>
              <a:buSzTx/>
              <a:buFontTx/>
              <a:buNone/>
              <a:tabLst/>
              <a:defRPr/>
            </a:pPr>
            <a:r>
              <a:rPr kumimoji="0" lang="en-US" sz="1600" b="1" i="0" u="sng" strike="noStrike" kern="1200" cap="none" spc="0" normalizeH="0" baseline="0" noProof="0" dirty="0">
                <a:ln>
                  <a:noFill/>
                </a:ln>
                <a:solidFill>
                  <a:schemeClr val="tx1"/>
                </a:solidFill>
                <a:effectLst/>
                <a:uLnTx/>
                <a:uFillTx/>
                <a:latin typeface="Calibri"/>
                <a:ea typeface="+mn-ea"/>
                <a:cs typeface="+mn-cs"/>
              </a:rPr>
              <a:t>Local Strategy</a:t>
            </a:r>
          </a:p>
        </p:txBody>
      </p:sp>
      <p:sp>
        <p:nvSpPr>
          <p:cNvPr id="82" name="Rectangle 81"/>
          <p:cNvSpPr/>
          <p:nvPr/>
        </p:nvSpPr>
        <p:spPr>
          <a:xfrm>
            <a:off x="5945188" y="1920875"/>
            <a:ext cx="2198687" cy="428625"/>
          </a:xfrm>
          <a:prstGeom prst="rect">
            <a:avLst/>
          </a:prstGeom>
          <a:solidFill>
            <a:srgbClr val="D9D9D9"/>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nchor="ctr"/>
          <a:lstStyle/>
          <a:p>
            <a:pPr marL="0" marR="0" lvl="0" indent="0" algn="ctr" defTabSz="914309" rtl="0" eaLnBrk="1" fontAlgn="auto" latinLnBrk="0" hangingPunct="1">
              <a:lnSpc>
                <a:spcPts val="1600"/>
              </a:lnSpc>
              <a:spcBef>
                <a:spcPts val="0"/>
              </a:spcBef>
              <a:spcAft>
                <a:spcPts val="0"/>
              </a:spcAft>
              <a:buClrTx/>
              <a:buSzTx/>
              <a:buFontTx/>
              <a:buNone/>
              <a:tabLst/>
              <a:defRPr/>
            </a:pPr>
            <a:r>
              <a:rPr kumimoji="0" lang="en-US" sz="1600" b="1" i="0" u="sng" strike="noStrike" kern="1200" cap="none" spc="0" normalizeH="0" baseline="0" noProof="0" dirty="0">
                <a:ln>
                  <a:noFill/>
                </a:ln>
                <a:solidFill>
                  <a:prstClr val="black"/>
                </a:solidFill>
                <a:effectLst/>
                <a:uLnTx/>
                <a:uFillTx/>
                <a:latin typeface="Calibri"/>
                <a:ea typeface="+mn-ea"/>
                <a:cs typeface="+mn-cs"/>
              </a:rPr>
              <a:t>Field-Building</a:t>
            </a:r>
          </a:p>
        </p:txBody>
      </p:sp>
      <p:pic>
        <p:nvPicPr>
          <p:cNvPr id="3" name="Picture 2" descr="Composite image of the logos for the following companies: USBLN, P&amp;G, Xerox, Cintas, Pepsi, Amazon, SEARS, and DB Schenker.">
            <a:extLst>
              <a:ext uri="{FF2B5EF4-FFF2-40B4-BE49-F238E27FC236}">
                <a16:creationId xmlns:a16="http://schemas.microsoft.com/office/drawing/2014/main" id="{72F4F496-5474-4BBE-BDCD-5448932EDA5F}"/>
              </a:ext>
            </a:extLst>
          </p:cNvPr>
          <p:cNvPicPr>
            <a:picLocks noChangeAspect="1"/>
          </p:cNvPicPr>
          <p:nvPr/>
        </p:nvPicPr>
        <p:blipFill>
          <a:blip r:embed="rId4"/>
          <a:stretch>
            <a:fillRect/>
          </a:stretch>
        </p:blipFill>
        <p:spPr>
          <a:xfrm>
            <a:off x="307975" y="2601913"/>
            <a:ext cx="4886325" cy="1114425"/>
          </a:xfrm>
          <a:prstGeom prst="rect">
            <a:avLst/>
          </a:prstGeom>
        </p:spPr>
      </p:pic>
      <p:pic>
        <p:nvPicPr>
          <p:cNvPr id="4" name="Picture 3" descr="Composite image of materials from ADVICE.com, Understood.org, Autism Speaks and the Kessler Foundation.">
            <a:extLst>
              <a:ext uri="{FF2B5EF4-FFF2-40B4-BE49-F238E27FC236}">
                <a16:creationId xmlns:a16="http://schemas.microsoft.com/office/drawing/2014/main" id="{300C44D3-03A2-4321-87B6-6E6AA08C0601}"/>
              </a:ext>
            </a:extLst>
          </p:cNvPr>
          <p:cNvPicPr>
            <a:picLocks noChangeAspect="1"/>
          </p:cNvPicPr>
          <p:nvPr/>
        </p:nvPicPr>
        <p:blipFill>
          <a:blip r:embed="rId5"/>
          <a:stretch>
            <a:fillRect/>
          </a:stretch>
        </p:blipFill>
        <p:spPr>
          <a:xfrm>
            <a:off x="5925343" y="4402138"/>
            <a:ext cx="2238375" cy="1762125"/>
          </a:xfrm>
          <a:prstGeom prst="rect">
            <a:avLst/>
          </a:prstGeom>
        </p:spPr>
      </p:pic>
    </p:spTree>
    <p:extLst>
      <p:ext uri="{BB962C8B-B14F-4D97-AF65-F5344CB8AC3E}">
        <p14:creationId xmlns:p14="http://schemas.microsoft.com/office/powerpoint/2010/main" val="3814358108"/>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title"/>
          </p:nvPr>
        </p:nvSpPr>
        <p:spPr>
          <a:xfrm>
            <a:off x="2295525" y="260350"/>
            <a:ext cx="6743701" cy="452967"/>
          </a:xfrm>
        </p:spPr>
        <p:txBody>
          <a:bodyPr/>
          <a:lstStyle/>
          <a:p>
            <a:pPr>
              <a:lnSpc>
                <a:spcPts val="3000"/>
              </a:lnSpc>
              <a:defRPr/>
            </a:pPr>
            <a:r>
              <a:rPr lang="en-US" sz="3200" b="1" dirty="0">
                <a:solidFill>
                  <a:schemeClr val="bg1"/>
                </a:solidFill>
              </a:rPr>
              <a:t>We focused on delivery and initial scale </a:t>
            </a:r>
          </a:p>
        </p:txBody>
      </p:sp>
      <p:sp>
        <p:nvSpPr>
          <p:cNvPr id="47107" name="Slide Number Placeholder 1"/>
          <p:cNvSpPr>
            <a:spLocks noGrp="1"/>
          </p:cNvSpPr>
          <p:nvPr>
            <p:ph type="sldNum" sz="quarter" idx="10"/>
          </p:nvPr>
        </p:nvSpPr>
        <p:spPr bwMode="auto">
          <a:noFill/>
          <a:ln>
            <a:round/>
            <a:headEnd/>
            <a:tailEnd/>
          </a:ln>
          <a:extLst>
            <a:ext uri="{909E8E84-426E-40DD-AFC4-6F175D3DCCD1}">
              <a14:hiddenFill xmlns:a14="http://schemas.microsoft.com/office/drawing/2010/main">
                <a:solidFill>
                  <a:srgbClr val="FFFFFF"/>
                </a:solidFill>
              </a14:hiddenFill>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ctr" defTabSz="912813" rtl="0" eaLnBrk="1" fontAlgn="base" latinLnBrk="0" hangingPunct="1">
              <a:lnSpc>
                <a:spcPct val="100000"/>
              </a:lnSpc>
              <a:spcBef>
                <a:spcPct val="0"/>
              </a:spcBef>
              <a:spcAft>
                <a:spcPct val="0"/>
              </a:spcAft>
              <a:buClrTx/>
              <a:buSzTx/>
              <a:buFontTx/>
              <a:buNone/>
              <a:tabLst/>
              <a:defRPr/>
            </a:pPr>
            <a:fld id="{6F5083FD-F1D7-4A12-A5CF-A93AA7696467}" type="slidenum">
              <a:rPr kumimoji="0" lang="en-US" altLang="en-US" sz="18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ctr" defTabSz="912813" rtl="0" eaLnBrk="1" fontAlgn="base" latinLnBrk="0" hangingPunct="1">
                <a:lnSpc>
                  <a:spcPct val="100000"/>
                </a:lnSpc>
                <a:spcBef>
                  <a:spcPct val="0"/>
                </a:spcBef>
                <a:spcAft>
                  <a:spcPct val="0"/>
                </a:spcAft>
                <a:buClrTx/>
                <a:buSzTx/>
                <a:buFontTx/>
                <a:buNone/>
                <a:tabLst/>
                <a:defRPr/>
              </a:pPr>
              <a:t>12</a:t>
            </a:fld>
            <a:endParaRPr kumimoji="0" lang="en-US" altLang="en-US" sz="18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47108" name="BainBulletsConfiguration" hidden="1"/>
          <p:cNvSpPr txBox="1">
            <a:spLocks noChangeArrowheads="1"/>
          </p:cNvSpPr>
          <p:nvPr/>
        </p:nvSpPr>
        <p:spPr bwMode="auto">
          <a:xfrm>
            <a:off x="12700" y="12700"/>
            <a:ext cx="8890000" cy="107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altLang="en-US" sz="100" b="0" i="0" u="none" strike="noStrike" kern="1200" cap="none" spc="0" normalizeH="0" baseline="0" noProof="0">
                <a:ln>
                  <a:noFill/>
                </a:ln>
                <a:solidFill>
                  <a:srgbClr val="FFFFFF"/>
                </a:solidFill>
                <a:effectLst/>
                <a:uLnTx/>
                <a:uFillTx/>
                <a:latin typeface="Calibri" panose="020F0502020204030204" pitchFamily="34" charset="0"/>
                <a:ea typeface="+mn-ea"/>
                <a:cs typeface="+mn-cs"/>
              </a:rPr>
              <a:t>5_84</a:t>
            </a:r>
          </a:p>
        </p:txBody>
      </p:sp>
      <p:sp>
        <p:nvSpPr>
          <p:cNvPr id="47109" name="AutoShape 13"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p:cNvSpPr>
            <a:spLocks noChangeAspect="1" noChangeArrowheads="1"/>
          </p:cNvSpPr>
          <p:nvPr/>
        </p:nvSpPr>
        <p:spPr bwMode="auto">
          <a:xfrm>
            <a:off x="155575" y="-144463"/>
            <a:ext cx="304800" cy="30480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7110" name="AutoShape 15" descr="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"/>
          <p:cNvSpPr>
            <a:spLocks noChangeAspect="1" noChangeArrowheads="1"/>
          </p:cNvSpPr>
          <p:nvPr/>
        </p:nvSpPr>
        <p:spPr bwMode="auto">
          <a:xfrm>
            <a:off x="307975" y="79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7111" name="AutoShape 30" descr="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"/>
          <p:cNvSpPr>
            <a:spLocks noChangeAspect="1" noChangeArrowheads="1"/>
          </p:cNvSpPr>
          <p:nvPr/>
        </p:nvSpPr>
        <p:spPr bwMode="auto">
          <a:xfrm>
            <a:off x="765175" y="4651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7112" name="AutoShape 6"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917575" y="6175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7113" name="AutoShape 8"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1069975" y="769938"/>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7114" name="AutoShape 10" descr="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"/>
          <p:cNvSpPr>
            <a:spLocks noChangeAspect="1" noChangeArrowheads="1"/>
          </p:cNvSpPr>
          <p:nvPr/>
        </p:nvSpPr>
        <p:spPr bwMode="auto">
          <a:xfrm>
            <a:off x="993775" y="969963"/>
            <a:ext cx="304800" cy="304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chemeClr val="accent1"/>
              </a:buClr>
              <a:buFont typeface="Arial" panose="020B0604020202020204" pitchFamily="34" charset="0"/>
              <a:buChar char="•"/>
              <a:defRPr sz="2200">
                <a:solidFill>
                  <a:schemeClr val="tx1"/>
                </a:solidFill>
                <a:latin typeface="Calibri" panose="020F0502020204030204" pitchFamily="34" charset="0"/>
              </a:defRPr>
            </a:lvl1pPr>
            <a:lvl2pPr marL="742950" indent="-285750">
              <a:spcBef>
                <a:spcPct val="20000"/>
              </a:spcBef>
              <a:buClr>
                <a:schemeClr val="accent2"/>
              </a:buClr>
              <a:buFont typeface="Arial" panose="020B0604020202020204" pitchFamily="34" charset="0"/>
              <a:buChar char="•"/>
              <a:defRPr sz="2000">
                <a:solidFill>
                  <a:schemeClr val="tx1"/>
                </a:solidFill>
                <a:latin typeface="Calibri" panose="020F0502020204030204" pitchFamily="34" charset="0"/>
              </a:defRPr>
            </a:lvl2pPr>
            <a:lvl3pPr marL="1143000" indent="-228600">
              <a:spcBef>
                <a:spcPct val="20000"/>
              </a:spcBef>
              <a:buClr>
                <a:srgbClr val="9BBB59"/>
              </a:buClr>
              <a:buFont typeface="Arial" panose="020B0604020202020204" pitchFamily="34" charset="0"/>
              <a:buChar char="•"/>
              <a:defRPr>
                <a:solidFill>
                  <a:schemeClr val="tx1"/>
                </a:solidFill>
                <a:latin typeface="Calibri" panose="020F0502020204030204" pitchFamily="34" charset="0"/>
              </a:defRPr>
            </a:lvl3pPr>
            <a:lvl4pPr marL="1600200" indent="-228600">
              <a:spcBef>
                <a:spcPct val="20000"/>
              </a:spcBef>
              <a:buClr>
                <a:srgbClr val="8064A2"/>
              </a:buClr>
              <a:buFont typeface="Arial" panose="020B0604020202020204" pitchFamily="34" charset="0"/>
              <a:buChar char="•"/>
              <a:defRPr sz="1600">
                <a:solidFill>
                  <a:schemeClr val="tx1"/>
                </a:solidFill>
                <a:latin typeface="Calibri" panose="020F0502020204030204" pitchFamily="34" charset="0"/>
              </a:defRPr>
            </a:lvl4pPr>
            <a:lvl5pPr marL="2057400" indent="-228600">
              <a:spcBef>
                <a:spcPct val="20000"/>
              </a:spcBef>
              <a:buClr>
                <a:srgbClr val="4BACC6"/>
              </a:buClr>
              <a:buFont typeface="Arial" panose="020B0604020202020204" pitchFamily="34" charset="0"/>
              <a:buChar char="•"/>
              <a:defRPr sz="1400">
                <a:solidFill>
                  <a:schemeClr val="tx1"/>
                </a:solidFill>
                <a:latin typeface="Calibri" panose="020F0502020204030204" pitchFamily="34" charset="0"/>
              </a:defRPr>
            </a:lvl5pPr>
            <a:lvl6pPr marL="25146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6pPr>
            <a:lvl7pPr marL="29718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7pPr>
            <a:lvl8pPr marL="34290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8pPr>
            <a:lvl9pPr marL="3886200" indent="-228600" defTabSz="912813" eaLnBrk="0" fontAlgn="base" hangingPunct="0">
              <a:spcBef>
                <a:spcPct val="20000"/>
              </a:spcBef>
              <a:spcAft>
                <a:spcPct val="0"/>
              </a:spcAft>
              <a:buClr>
                <a:srgbClr val="4BACC6"/>
              </a:buClr>
              <a:buFont typeface="Arial" panose="020B0604020202020204" pitchFamily="34" charset="0"/>
              <a:buChar char="•"/>
              <a:defRPr sz="1400">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ct val="0"/>
              </a:spcBef>
              <a:spcAft>
                <a:spcPts val="0"/>
              </a:spcAft>
              <a:buClrTx/>
              <a:buSzTx/>
              <a:buFontTx/>
              <a:buNone/>
              <a:tabLst/>
              <a:defRPr/>
            </a:pPr>
            <a:endParaRPr kumimoji="0" lang="en-US" altLang="en-US" sz="18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11" name="TextBox 10"/>
          <p:cNvSpPr txBox="1"/>
          <p:nvPr>
            <p:custDataLst>
              <p:tags r:id="rId1"/>
            </p:custDataLst>
          </p:nvPr>
        </p:nvSpPr>
        <p:spPr>
          <a:xfrm>
            <a:off x="2844800" y="4999038"/>
            <a:ext cx="2627313" cy="1046162"/>
          </a:xfrm>
          <a:custGeom>
            <a:avLst/>
            <a:gdLst>
              <a:gd name="connsiteX0" fmla="*/ 0 w 2627079"/>
              <a:gd name="connsiteY0" fmla="*/ 0 h 1869743"/>
              <a:gd name="connsiteX1" fmla="*/ 2627079 w 2627079"/>
              <a:gd name="connsiteY1" fmla="*/ 0 h 1869743"/>
              <a:gd name="connsiteX2" fmla="*/ 2627079 w 2627079"/>
              <a:gd name="connsiteY2" fmla="*/ 1869743 h 1869743"/>
              <a:gd name="connsiteX3" fmla="*/ 0 w 2627079"/>
              <a:gd name="connsiteY3" fmla="*/ 1869743 h 1869743"/>
              <a:gd name="connsiteX4" fmla="*/ 0 w 2627079"/>
              <a:gd name="connsiteY4" fmla="*/ 0 h 1869743"/>
              <a:gd name="connsiteX0" fmla="*/ 0 w 2627079"/>
              <a:gd name="connsiteY0" fmla="*/ 0 h 1869743"/>
              <a:gd name="connsiteX1" fmla="*/ 2627079 w 2627079"/>
              <a:gd name="connsiteY1" fmla="*/ 0 h 1869743"/>
              <a:gd name="connsiteX2" fmla="*/ 2627079 w 2627079"/>
              <a:gd name="connsiteY2" fmla="*/ 1666543 h 1869743"/>
              <a:gd name="connsiteX3" fmla="*/ 0 w 2627079"/>
              <a:gd name="connsiteY3" fmla="*/ 1869743 h 1869743"/>
              <a:gd name="connsiteX4" fmla="*/ 0 w 2627079"/>
              <a:gd name="connsiteY4" fmla="*/ 0 h 1869743"/>
              <a:gd name="connsiteX0" fmla="*/ 0 w 2627079"/>
              <a:gd name="connsiteY0" fmla="*/ 0 h 1700409"/>
              <a:gd name="connsiteX1" fmla="*/ 2627079 w 2627079"/>
              <a:gd name="connsiteY1" fmla="*/ 0 h 1700409"/>
              <a:gd name="connsiteX2" fmla="*/ 2627079 w 2627079"/>
              <a:gd name="connsiteY2" fmla="*/ 1666543 h 1700409"/>
              <a:gd name="connsiteX3" fmla="*/ 0 w 2627079"/>
              <a:gd name="connsiteY3" fmla="*/ 1700409 h 1700409"/>
              <a:gd name="connsiteX4" fmla="*/ 0 w 2627079"/>
              <a:gd name="connsiteY4" fmla="*/ 0 h 1700409"/>
              <a:gd name="connsiteX0" fmla="*/ 0 w 2627079"/>
              <a:gd name="connsiteY0" fmla="*/ 0 h 1700409"/>
              <a:gd name="connsiteX1" fmla="*/ 2627079 w 2627079"/>
              <a:gd name="connsiteY1" fmla="*/ 0 h 1700409"/>
              <a:gd name="connsiteX2" fmla="*/ 2615790 w 2627079"/>
              <a:gd name="connsiteY2" fmla="*/ 1677832 h 1700409"/>
              <a:gd name="connsiteX3" fmla="*/ 0 w 2627079"/>
              <a:gd name="connsiteY3" fmla="*/ 1700409 h 1700409"/>
              <a:gd name="connsiteX4" fmla="*/ 0 w 2627079"/>
              <a:gd name="connsiteY4" fmla="*/ 0 h 170040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627079" h="1700409">
                <a:moveTo>
                  <a:pt x="0" y="0"/>
                </a:moveTo>
                <a:lnTo>
                  <a:pt x="2627079" y="0"/>
                </a:lnTo>
                <a:lnTo>
                  <a:pt x="2615790" y="1677832"/>
                </a:lnTo>
                <a:lnTo>
                  <a:pt x="0" y="1700409"/>
                </a:lnTo>
                <a:lnTo>
                  <a:pt x="0" y="0"/>
                </a:lnTo>
                <a:close/>
              </a:path>
            </a:pathLst>
          </a:cu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nchor="ctr"/>
          <a:lstStyle>
            <a:defPPr>
              <a:defRPr lang="en-US"/>
            </a:defPPr>
            <a:lvl1pPr marL="285750" indent="-285750" fontAlgn="base">
              <a:spcBef>
                <a:spcPct val="0"/>
              </a:spcBef>
              <a:spcAft>
                <a:spcPct val="0"/>
              </a:spcAft>
              <a:buFont typeface="Arial" panose="020B0604020202020204" pitchFamily="34" charset="0"/>
              <a:buChar char="•"/>
              <a:defRPr sz="1400">
                <a:solidFill>
                  <a:prstClr val="white"/>
                </a:solidFill>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285750" marR="0" lvl="0" indent="-285750" algn="l" defTabSz="914309" rtl="0" eaLnBrk="1" fontAlgn="base" latinLnBrk="0" hangingPunct="1">
              <a:lnSpc>
                <a:spcPct val="100000"/>
              </a:lnSpc>
              <a:spcBef>
                <a:spcPct val="0"/>
              </a:spcBef>
              <a:spcAft>
                <a:spcPct val="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prstClr val="black"/>
                </a:solidFill>
                <a:effectLst/>
                <a:uLnTx/>
                <a:uFillTx/>
                <a:latin typeface="Calibri"/>
                <a:ea typeface="+mn-ea"/>
                <a:cs typeface="+mn-cs"/>
              </a:rPr>
              <a:t>Strengthen business case for hiring people with disabilities</a:t>
            </a:r>
          </a:p>
          <a:p>
            <a:pPr marL="285750" marR="0" lvl="0" indent="-285750" algn="l" defTabSz="914309" rtl="0" eaLnBrk="1" fontAlgn="base" latinLnBrk="0" hangingPunct="1">
              <a:lnSpc>
                <a:spcPct val="100000"/>
              </a:lnSpc>
              <a:spcBef>
                <a:spcPct val="0"/>
              </a:spcBef>
              <a:spcAft>
                <a:spcPct val="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prstClr val="black"/>
                </a:solidFill>
                <a:effectLst/>
                <a:uLnTx/>
                <a:uFillTx/>
                <a:latin typeface="Calibri"/>
                <a:ea typeface="+mn-ea"/>
                <a:cs typeface="+mn-cs"/>
              </a:rPr>
              <a:t>Grow program and codify learnings</a:t>
            </a:r>
          </a:p>
        </p:txBody>
      </p:sp>
      <p:grpSp>
        <p:nvGrpSpPr>
          <p:cNvPr id="47116" name="Group 73" descr="Slide outlining key steps of Strategy for driving disability employment in philanthropy. "/>
          <p:cNvGrpSpPr>
            <a:grpSpLocks/>
          </p:cNvGrpSpPr>
          <p:nvPr>
            <p:custDataLst>
              <p:tags r:id="rId2"/>
            </p:custDataLst>
          </p:nvPr>
        </p:nvGrpSpPr>
        <p:grpSpPr bwMode="auto">
          <a:xfrm>
            <a:off x="280988" y="1557338"/>
            <a:ext cx="7854950" cy="2001837"/>
            <a:chOff x="280834" y="1324749"/>
            <a:chExt cx="7855104" cy="2234305"/>
          </a:xfrm>
        </p:grpSpPr>
        <p:sp>
          <p:nvSpPr>
            <p:cNvPr id="13" name="Freeform 4"/>
            <p:cNvSpPr>
              <a:spLocks/>
            </p:cNvSpPr>
            <p:nvPr/>
          </p:nvSpPr>
          <p:spPr bwMode="auto">
            <a:xfrm>
              <a:off x="280834" y="2791843"/>
              <a:ext cx="3040122" cy="767211"/>
            </a:xfrm>
            <a:custGeom>
              <a:avLst/>
              <a:gdLst/>
              <a:ahLst/>
              <a:cxnLst>
                <a:cxn ang="0">
                  <a:pos x="0" y="480"/>
                </a:cxn>
                <a:cxn ang="0">
                  <a:pos x="480" y="432"/>
                </a:cxn>
                <a:cxn ang="0">
                  <a:pos x="1056" y="48"/>
                </a:cxn>
                <a:cxn ang="0">
                  <a:pos x="1728" y="144"/>
                </a:cxn>
              </a:cxnLst>
              <a:rect l="0" t="0" r="r" b="b"/>
              <a:pathLst>
                <a:path w="1728" h="504">
                  <a:moveTo>
                    <a:pt x="0" y="480"/>
                  </a:moveTo>
                  <a:cubicBezTo>
                    <a:pt x="152" y="492"/>
                    <a:pt x="304" y="504"/>
                    <a:pt x="480" y="432"/>
                  </a:cubicBezTo>
                  <a:cubicBezTo>
                    <a:pt x="656" y="360"/>
                    <a:pt x="848" y="96"/>
                    <a:pt x="1056" y="48"/>
                  </a:cubicBezTo>
                  <a:cubicBezTo>
                    <a:pt x="1264" y="0"/>
                    <a:pt x="1496" y="72"/>
                    <a:pt x="1728" y="144"/>
                  </a:cubicBezTo>
                </a:path>
              </a:pathLst>
            </a:custGeom>
            <a:noFill/>
            <a:ln w="28575" cap="flat" cmpd="sng">
              <a:solidFill>
                <a:schemeClr val="bg1">
                  <a:lumMod val="65000"/>
                </a:schemeClr>
              </a:solidFill>
              <a:prstDash val="solid"/>
              <a:round/>
              <a:headEnd/>
              <a:tailEnd/>
            </a:ln>
            <a:effectLst/>
          </p:spPr>
          <p:txBody>
            <a:bodyPr lIns="0" tIns="0" rIns="0" bIns="0"/>
            <a:lstStyle/>
            <a:p>
              <a:pPr marL="0" marR="0" lvl="0" indent="0" algn="l" defTabSz="914309"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Calibri"/>
                <a:ea typeface="+mn-ea"/>
                <a:cs typeface="+mn-cs"/>
              </a:endParaRPr>
            </a:p>
          </p:txBody>
        </p:sp>
        <p:sp>
          <p:nvSpPr>
            <p:cNvPr id="47140" name="Freeform 5"/>
            <p:cNvSpPr>
              <a:spLocks/>
            </p:cNvSpPr>
            <p:nvPr/>
          </p:nvSpPr>
          <p:spPr bwMode="auto">
            <a:xfrm>
              <a:off x="2899202" y="2127165"/>
              <a:ext cx="3040685" cy="832918"/>
            </a:xfrm>
            <a:custGeom>
              <a:avLst/>
              <a:gdLst>
                <a:gd name="T0" fmla="*/ 0 w 1728"/>
                <a:gd name="T1" fmla="*/ 2147483646 h 504"/>
                <a:gd name="T2" fmla="*/ 2147483646 w 1728"/>
                <a:gd name="T3" fmla="*/ 2147483646 h 504"/>
                <a:gd name="T4" fmla="*/ 2147483646 w 1728"/>
                <a:gd name="T5" fmla="*/ 2147483646 h 504"/>
                <a:gd name="T6" fmla="*/ 2147483646 w 1728"/>
                <a:gd name="T7" fmla="*/ 2147483646 h 504"/>
                <a:gd name="T8" fmla="*/ 0 60000 65536"/>
                <a:gd name="T9" fmla="*/ 0 60000 65536"/>
                <a:gd name="T10" fmla="*/ 0 60000 65536"/>
                <a:gd name="T11" fmla="*/ 0 60000 65536"/>
              </a:gdLst>
              <a:ahLst/>
              <a:cxnLst>
                <a:cxn ang="T8">
                  <a:pos x="T0" y="T1"/>
                </a:cxn>
                <a:cxn ang="T9">
                  <a:pos x="T2" y="T3"/>
                </a:cxn>
                <a:cxn ang="T10">
                  <a:pos x="T4" y="T5"/>
                </a:cxn>
                <a:cxn ang="T11">
                  <a:pos x="T6" y="T7"/>
                </a:cxn>
              </a:cxnLst>
              <a:rect l="0" t="0" r="r" b="b"/>
              <a:pathLst>
                <a:path w="1728" h="504">
                  <a:moveTo>
                    <a:pt x="0" y="480"/>
                  </a:moveTo>
                  <a:cubicBezTo>
                    <a:pt x="152" y="492"/>
                    <a:pt x="304" y="504"/>
                    <a:pt x="480" y="432"/>
                  </a:cubicBezTo>
                  <a:cubicBezTo>
                    <a:pt x="656" y="360"/>
                    <a:pt x="848" y="96"/>
                    <a:pt x="1056" y="48"/>
                  </a:cubicBezTo>
                  <a:cubicBezTo>
                    <a:pt x="1264" y="0"/>
                    <a:pt x="1496" y="72"/>
                    <a:pt x="1728" y="144"/>
                  </a:cubicBezTo>
                </a:path>
              </a:pathLst>
            </a:custGeom>
            <a:noFill/>
            <a:ln w="28575" cap="flat" cmpd="sng">
              <a:solidFill>
                <a:schemeClr val="bg1">
                  <a:lumMod val="65000"/>
                </a:schemeClr>
              </a:solidFill>
              <a:prstDash val="solid"/>
              <a:round/>
              <a:headEnd/>
              <a:tailEnd/>
            </a:ln>
            <a:extLst>
              <a:ext uri="{909E8E84-426E-40DD-AFC4-6F175D3DCCD1}">
                <a14:hiddenFill xmlns:a14="http://schemas.microsoft.com/office/drawing/2010/main">
                  <a:solidFill>
                    <a:srgbClr val="FFFFFF"/>
                  </a:solidFill>
                </a14:hiddenFill>
              </a:ext>
            </a:extLst>
          </p:spPr>
          <p:txBody>
            <a:bodyPr lIns="0" tIns="0" rIns="0" bIns="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
          <p:nvSpPr>
            <p:cNvPr id="15" name="Freeform 6"/>
            <p:cNvSpPr>
              <a:spLocks/>
            </p:cNvSpPr>
            <p:nvPr/>
          </p:nvSpPr>
          <p:spPr bwMode="auto">
            <a:xfrm>
              <a:off x="5095815" y="1324749"/>
              <a:ext cx="3040123" cy="894785"/>
            </a:xfrm>
            <a:custGeom>
              <a:avLst/>
              <a:gdLst/>
              <a:ahLst/>
              <a:cxnLst>
                <a:cxn ang="0">
                  <a:pos x="0" y="480"/>
                </a:cxn>
                <a:cxn ang="0">
                  <a:pos x="480" y="432"/>
                </a:cxn>
                <a:cxn ang="0">
                  <a:pos x="1056" y="48"/>
                </a:cxn>
                <a:cxn ang="0">
                  <a:pos x="1728" y="144"/>
                </a:cxn>
              </a:cxnLst>
              <a:rect l="0" t="0" r="r" b="b"/>
              <a:pathLst>
                <a:path w="1728" h="504">
                  <a:moveTo>
                    <a:pt x="0" y="480"/>
                  </a:moveTo>
                  <a:cubicBezTo>
                    <a:pt x="152" y="492"/>
                    <a:pt x="304" y="504"/>
                    <a:pt x="480" y="432"/>
                  </a:cubicBezTo>
                  <a:cubicBezTo>
                    <a:pt x="656" y="360"/>
                    <a:pt x="848" y="96"/>
                    <a:pt x="1056" y="48"/>
                  </a:cubicBezTo>
                  <a:cubicBezTo>
                    <a:pt x="1264" y="0"/>
                    <a:pt x="1496" y="72"/>
                    <a:pt x="1728" y="144"/>
                  </a:cubicBezTo>
                </a:path>
              </a:pathLst>
            </a:custGeom>
            <a:noFill/>
            <a:ln w="28575" cap="flat" cmpd="sng">
              <a:solidFill>
                <a:schemeClr val="accent1"/>
              </a:solidFill>
              <a:prstDash val="solid"/>
              <a:round/>
              <a:headEnd/>
              <a:tailEnd/>
            </a:ln>
            <a:effectLst/>
          </p:spPr>
          <p:txBody>
            <a:bodyPr lIns="0" tIns="0" rIns="0" bIns="0"/>
            <a:lstStyle/>
            <a:p>
              <a:pPr marL="0" marR="0" lvl="0" indent="0" algn="l" defTabSz="914309"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prstClr val="black"/>
                </a:solidFill>
                <a:effectLst/>
                <a:uLnTx/>
                <a:uFillTx/>
                <a:latin typeface="Calibri"/>
                <a:ea typeface="+mn-ea"/>
                <a:cs typeface="+mn-cs"/>
              </a:endParaRPr>
            </a:p>
          </p:txBody>
        </p:sp>
      </p:grpSp>
      <p:sp>
        <p:nvSpPr>
          <p:cNvPr id="47117" name="Text Box 7"/>
          <p:cNvSpPr txBox="1">
            <a:spLocks noChangeArrowheads="1"/>
          </p:cNvSpPr>
          <p:nvPr/>
        </p:nvSpPr>
        <p:spPr bwMode="auto">
          <a:xfrm>
            <a:off x="777875" y="3556000"/>
            <a:ext cx="1517650" cy="37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0" tIns="0" rIns="0" bIns="0">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200" b="1" i="0" u="none" strike="noStrike" kern="1200" cap="none" spc="0" normalizeH="0" baseline="0" noProof="0">
                <a:ln>
                  <a:noFill/>
                </a:ln>
                <a:solidFill>
                  <a:srgbClr val="000000"/>
                </a:solidFill>
                <a:effectLst/>
                <a:uLnTx/>
                <a:uFillTx/>
                <a:latin typeface="Calibri" panose="020F0502020204030204" pitchFamily="34" charset="0"/>
                <a:ea typeface="+mn-ea"/>
                <a:cs typeface="+mn-cs"/>
              </a:rPr>
              <a:t>Horizon 1</a:t>
            </a:r>
          </a:p>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rPr>
              <a:t>Set foundation</a:t>
            </a:r>
            <a:endParaRPr kumimoji="0" lang="en-US"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7118" name="Text Box 8"/>
          <p:cNvSpPr txBox="1">
            <a:spLocks noChangeArrowheads="1"/>
          </p:cNvSpPr>
          <p:nvPr/>
        </p:nvSpPr>
        <p:spPr bwMode="auto">
          <a:xfrm>
            <a:off x="3073400" y="3014663"/>
            <a:ext cx="2249488" cy="3778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0" tIns="0" rIns="0" bIns="0">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200" b="1" i="0" u="none" strike="noStrike" kern="1200" cap="none" spc="0" normalizeH="0" baseline="0" noProof="0">
                <a:ln>
                  <a:noFill/>
                </a:ln>
                <a:solidFill>
                  <a:srgbClr val="000000"/>
                </a:solidFill>
                <a:effectLst/>
                <a:uLnTx/>
                <a:uFillTx/>
                <a:latin typeface="Calibri" panose="020F0502020204030204" pitchFamily="34" charset="0"/>
                <a:ea typeface="+mn-ea"/>
                <a:cs typeface="+mn-cs"/>
              </a:rPr>
              <a:t>Horizon 2</a:t>
            </a:r>
          </a:p>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rPr>
              <a:t>Learn and thrive</a:t>
            </a:r>
          </a:p>
        </p:txBody>
      </p:sp>
      <p:sp>
        <p:nvSpPr>
          <p:cNvPr id="47119" name="Text Box 9"/>
          <p:cNvSpPr txBox="1">
            <a:spLocks noChangeArrowheads="1"/>
          </p:cNvSpPr>
          <p:nvPr/>
        </p:nvSpPr>
        <p:spPr bwMode="auto">
          <a:xfrm>
            <a:off x="5784850" y="2366963"/>
            <a:ext cx="2092325" cy="4460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0" tIns="0" rIns="0" bIns="0">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400" b="1" i="0" u="none" strike="noStrike" kern="1200" cap="none" spc="0" normalizeH="0" baseline="0" noProof="0">
                <a:ln>
                  <a:noFill/>
                </a:ln>
                <a:solidFill>
                  <a:srgbClr val="000000"/>
                </a:solidFill>
                <a:effectLst/>
                <a:uLnTx/>
                <a:uFillTx/>
                <a:latin typeface="Calibri" panose="020F0502020204030204" pitchFamily="34" charset="0"/>
                <a:ea typeface="+mn-ea"/>
                <a:cs typeface="+mn-cs"/>
              </a:rPr>
              <a:t>Horizon 3</a:t>
            </a:r>
          </a:p>
          <a:p>
            <a:pPr marL="0" marR="0" lvl="0" indent="0" algn="ctr" defTabSz="914400" rtl="0" eaLnBrk="1" fontAlgn="auto" latinLnBrk="0" hangingPunct="1">
              <a:lnSpc>
                <a:spcPct val="85000"/>
              </a:lnSpc>
              <a:spcBef>
                <a:spcPct val="35000"/>
              </a:spcBef>
              <a:spcAft>
                <a:spcPts val="0"/>
              </a:spcAft>
              <a:buClrTx/>
              <a:buSzPct val="75000"/>
              <a:buFont typeface="Marlett" pitchFamily="2" charset="2"/>
              <a:buNone/>
              <a:tabLst/>
              <a:defRPr/>
            </a:pPr>
            <a:r>
              <a:rPr kumimoji="0" lang="en-AU" altLang="en-US" sz="1400" b="1" i="0" u="none" strike="noStrike" kern="1200" cap="none" spc="0" normalizeH="0" baseline="0" noProof="0">
                <a:ln>
                  <a:noFill/>
                </a:ln>
                <a:solidFill>
                  <a:srgbClr val="000000"/>
                </a:solidFill>
                <a:effectLst/>
                <a:uLnTx/>
                <a:uFillTx/>
                <a:latin typeface="Calibri" panose="020F0502020204030204" pitchFamily="34" charset="0"/>
                <a:ea typeface="+mn-ea"/>
                <a:cs typeface="+mn-cs"/>
              </a:rPr>
              <a:t>Deliver and scale</a:t>
            </a:r>
            <a:endParaRPr kumimoji="0" lang="en-US" altLang="en-US" sz="1400" b="1"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7120" name="Text Box 11"/>
          <p:cNvSpPr txBox="1">
            <a:spLocks noChangeArrowheads="1"/>
          </p:cNvSpPr>
          <p:nvPr/>
        </p:nvSpPr>
        <p:spPr bwMode="auto">
          <a:xfrm rot="-5400000">
            <a:off x="-845344" y="2228057"/>
            <a:ext cx="1965325" cy="2047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0" tIns="0" rIns="0" bIns="0">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defTabSz="912813" eaLnBrk="0" fontAlgn="base" hangingPunct="0">
              <a:spcBef>
                <a:spcPct val="0"/>
              </a:spcBef>
              <a:spcAft>
                <a:spcPct val="0"/>
              </a:spcAft>
              <a:defRPr>
                <a:solidFill>
                  <a:schemeClr val="tx1"/>
                </a:solidFill>
                <a:latin typeface="Calibri" panose="020F0502020204030204" pitchFamily="34" charset="0"/>
              </a:defRPr>
            </a:lvl6pPr>
            <a:lvl7pPr marL="2971800" indent="-228600" defTabSz="912813" eaLnBrk="0" fontAlgn="base" hangingPunct="0">
              <a:spcBef>
                <a:spcPct val="0"/>
              </a:spcBef>
              <a:spcAft>
                <a:spcPct val="0"/>
              </a:spcAft>
              <a:defRPr>
                <a:solidFill>
                  <a:schemeClr val="tx1"/>
                </a:solidFill>
                <a:latin typeface="Calibri" panose="020F0502020204030204" pitchFamily="34" charset="0"/>
              </a:defRPr>
            </a:lvl7pPr>
            <a:lvl8pPr marL="3429000" indent="-228600" defTabSz="912813" eaLnBrk="0" fontAlgn="base" hangingPunct="0">
              <a:spcBef>
                <a:spcPct val="0"/>
              </a:spcBef>
              <a:spcAft>
                <a:spcPct val="0"/>
              </a:spcAft>
              <a:defRPr>
                <a:solidFill>
                  <a:schemeClr val="tx1"/>
                </a:solidFill>
                <a:latin typeface="Calibri" panose="020F0502020204030204" pitchFamily="34" charset="0"/>
              </a:defRPr>
            </a:lvl8pPr>
            <a:lvl9pPr marL="3886200" indent="-228600" defTabSz="91281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r" defTabSz="914400" rtl="0" eaLnBrk="1" fontAlgn="auto" latinLnBrk="0" hangingPunct="1">
              <a:lnSpc>
                <a:spcPct val="100000"/>
              </a:lnSpc>
              <a:spcBef>
                <a:spcPts val="0"/>
              </a:spcBef>
              <a:spcAft>
                <a:spcPts val="0"/>
              </a:spcAft>
              <a:buClrTx/>
              <a:buSzPct val="75000"/>
              <a:buFont typeface="Marlett" pitchFamily="2" charset="2"/>
              <a:buNone/>
              <a:tabLst/>
              <a:defRPr/>
            </a:pPr>
            <a:r>
              <a:rPr kumimoji="0" lang="en-AU"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rPr>
              <a:t>Ramp-up</a:t>
            </a:r>
            <a:endParaRPr kumimoji="0" lang="en-US" altLang="en-US" sz="1200" b="0" i="0" u="none" strike="noStrike" kern="1200" cap="none" spc="0" normalizeH="0" baseline="0" noProof="0">
              <a:ln>
                <a:noFill/>
              </a:ln>
              <a:solidFill>
                <a:srgbClr val="000000"/>
              </a:solidFill>
              <a:effectLst/>
              <a:uLnTx/>
              <a:uFillTx/>
              <a:latin typeface="Calibri" panose="020F0502020204030204" pitchFamily="34" charset="0"/>
              <a:ea typeface="+mn-ea"/>
              <a:cs typeface="+mn-cs"/>
            </a:endParaRPr>
          </a:p>
        </p:txBody>
      </p:sp>
      <p:sp>
        <p:nvSpPr>
          <p:cNvPr id="47121" name="Line 15" descr="Line"/>
          <p:cNvSpPr>
            <a:spLocks noChangeShapeType="1"/>
          </p:cNvSpPr>
          <p:nvPr/>
        </p:nvSpPr>
        <p:spPr bwMode="auto">
          <a:xfrm flipH="1" flipV="1">
            <a:off x="268288" y="1323975"/>
            <a:ext cx="12700" cy="2743200"/>
          </a:xfrm>
          <a:prstGeom prst="line">
            <a:avLst/>
          </a:prstGeom>
          <a:noFill/>
          <a:ln w="28575">
            <a:solidFill>
              <a:schemeClr val="tx1"/>
            </a:solidFill>
            <a:round/>
            <a:headEnd/>
            <a:tailEnd type="triangle" w="med" len="med"/>
          </a:ln>
          <a:extLst>
            <a:ext uri="{909E8E84-426E-40DD-AFC4-6F175D3DCCD1}">
              <a14:hiddenFill xmlns:a14="http://schemas.microsoft.com/office/drawing/2010/main">
                <a:noFill/>
              </a14:hiddenFill>
            </a:ext>
          </a:extLst>
        </p:spPr>
        <p:txBody>
          <a:bodyPr lIns="0" tIns="0" rIns="0" bIns="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
        <p:nvSpPr>
          <p:cNvPr id="47122" name="Line 16" descr="Line"/>
          <p:cNvSpPr>
            <a:spLocks noChangeShapeType="1"/>
          </p:cNvSpPr>
          <p:nvPr/>
        </p:nvSpPr>
        <p:spPr bwMode="auto">
          <a:xfrm>
            <a:off x="346075" y="4065588"/>
            <a:ext cx="7854950" cy="0"/>
          </a:xfrm>
          <a:prstGeom prst="line">
            <a:avLst/>
          </a:prstGeom>
          <a:noFill/>
          <a:ln w="28575">
            <a:solidFill>
              <a:schemeClr val="tx1"/>
            </a:solidFill>
            <a:round/>
            <a:headEnd/>
            <a:tailEnd type="triangle" w="med" len="med"/>
          </a:ln>
          <a:extLst>
            <a:ext uri="{909E8E84-426E-40DD-AFC4-6F175D3DCCD1}">
              <a14:hiddenFill xmlns:a14="http://schemas.microsoft.com/office/drawing/2010/main">
                <a:noFill/>
              </a14:hiddenFill>
            </a:ext>
          </a:extLst>
        </p:spPr>
        <p:txBody>
          <a:bodyPr lIns="0" tIns="0" rIns="0" bIns="0"/>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
        <p:nvSpPr>
          <p:cNvPr id="22" name="Oval 21"/>
          <p:cNvSpPr>
            <a:spLocks noChangeArrowheads="1"/>
          </p:cNvSpPr>
          <p:nvPr/>
        </p:nvSpPr>
        <p:spPr bwMode="auto">
          <a:xfrm>
            <a:off x="4419600" y="2928938"/>
            <a:ext cx="252413" cy="252412"/>
          </a:xfrm>
          <a:prstGeom prst="ellipse">
            <a:avLst/>
          </a:prstGeom>
          <a:solidFill>
            <a:schemeClr val="bg1">
              <a:lumMod val="75000"/>
            </a:schemeClr>
          </a:solidFill>
          <a:ln w="19050">
            <a:solidFill>
              <a:srgbClr val="FFFFFF"/>
            </a:solidFill>
            <a:round/>
            <a:headEnd/>
            <a:tailEnd/>
          </a:ln>
          <a:effectLst>
            <a:outerShdw blurRad="50800" dist="38100" dir="2700000" algn="tl" rotWithShape="0">
              <a:srgbClr val="808080">
                <a:alpha val="39998"/>
              </a:srgbClr>
            </a:outerShdw>
          </a:effectLst>
        </p:spPr>
        <p:txBody>
          <a:bodyPr wrap="none" lIns="0" tIns="0" rIns="0" bIns="0" anchor="ct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effectLst/>
                <a:uLnTx/>
                <a:uFillTx/>
                <a:latin typeface="Cambria"/>
                <a:ea typeface="+mn-ea"/>
                <a:cs typeface="+mn-cs"/>
              </a:rPr>
              <a:t>2</a:t>
            </a:r>
          </a:p>
        </p:txBody>
      </p:sp>
      <p:sp>
        <p:nvSpPr>
          <p:cNvPr id="23" name="Oval 22"/>
          <p:cNvSpPr>
            <a:spLocks noChangeArrowheads="1"/>
          </p:cNvSpPr>
          <p:nvPr/>
        </p:nvSpPr>
        <p:spPr bwMode="auto">
          <a:xfrm>
            <a:off x="7062788" y="2295525"/>
            <a:ext cx="252412" cy="252413"/>
          </a:xfrm>
          <a:prstGeom prst="ellipse">
            <a:avLst/>
          </a:prstGeom>
          <a:solidFill>
            <a:schemeClr val="accent1"/>
          </a:solidFill>
          <a:ln w="19050">
            <a:solidFill>
              <a:srgbClr val="FFFFFF"/>
            </a:solidFill>
            <a:round/>
            <a:headEnd/>
            <a:tailEnd/>
          </a:ln>
          <a:effectLst>
            <a:outerShdw blurRad="50800" dist="38100" dir="2700000" algn="tl" rotWithShape="0">
              <a:srgbClr val="808080">
                <a:alpha val="39998"/>
              </a:srgbClr>
            </a:outerShdw>
          </a:effectLst>
        </p:spPr>
        <p:txBody>
          <a:bodyPr wrap="none" lIns="0" tIns="0" rIns="0" bIns="0" anchor="ct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effectLst/>
                <a:uLnTx/>
                <a:uFillTx/>
                <a:latin typeface="Cambria"/>
                <a:ea typeface="+mn-ea"/>
                <a:cs typeface="+mn-cs"/>
              </a:rPr>
              <a:t>3</a:t>
            </a:r>
          </a:p>
        </p:txBody>
      </p:sp>
      <p:sp>
        <p:nvSpPr>
          <p:cNvPr id="24" name="Oval 23"/>
          <p:cNvSpPr>
            <a:spLocks noChangeArrowheads="1"/>
          </p:cNvSpPr>
          <p:nvPr/>
        </p:nvSpPr>
        <p:spPr bwMode="auto">
          <a:xfrm>
            <a:off x="1758950" y="3500438"/>
            <a:ext cx="252413" cy="252412"/>
          </a:xfrm>
          <a:prstGeom prst="ellipse">
            <a:avLst/>
          </a:prstGeom>
          <a:solidFill>
            <a:srgbClr val="A6A6A6"/>
          </a:solidFill>
          <a:ln w="19050">
            <a:solidFill>
              <a:srgbClr val="FFFFFF"/>
            </a:solidFill>
            <a:round/>
            <a:headEnd/>
            <a:tailEnd/>
          </a:ln>
          <a:effectLst>
            <a:outerShdw blurRad="50800" dist="38100" dir="2700000" algn="tl" rotWithShape="0">
              <a:srgbClr val="808080">
                <a:alpha val="39998"/>
              </a:srgbClr>
            </a:outerShdw>
          </a:effectLst>
        </p:spPr>
        <p:txBody>
          <a:bodyPr wrap="none" lIns="0" tIns="0" rIns="0" bIns="0" anchor="ct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effectLst/>
                <a:uLnTx/>
                <a:uFillTx/>
                <a:latin typeface="Cambria"/>
                <a:ea typeface="+mn-ea"/>
                <a:cs typeface="+mn-cs"/>
              </a:rPr>
              <a:t>1</a:t>
            </a:r>
          </a:p>
        </p:txBody>
      </p:sp>
      <p:cxnSp>
        <p:nvCxnSpPr>
          <p:cNvPr id="25" name="Straight Arrow Connector 24" descr="Arrow."/>
          <p:cNvCxnSpPr/>
          <p:nvPr/>
        </p:nvCxnSpPr>
        <p:spPr>
          <a:xfrm>
            <a:off x="330200" y="4232275"/>
            <a:ext cx="2471738" cy="0"/>
          </a:xfrm>
          <a:prstGeom prst="straightConnector1">
            <a:avLst/>
          </a:prstGeom>
          <a:ln w="19050">
            <a:solidFill>
              <a:srgbClr val="080808"/>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26" name="TextBox 25"/>
          <p:cNvSpPr txBox="1"/>
          <p:nvPr/>
        </p:nvSpPr>
        <p:spPr>
          <a:xfrm>
            <a:off x="1077913" y="4114800"/>
            <a:ext cx="903287" cy="395288"/>
          </a:xfrm>
          <a:prstGeom prst="rect">
            <a:avLst/>
          </a:prstGeom>
          <a:solidFill>
            <a:schemeClr val="bg1"/>
          </a:solidFill>
        </p:spPr>
        <p:txBody>
          <a:bodyPr lIns="36000" tIns="36000" rIns="36000" bIns="36000">
            <a:spAutoFit/>
          </a:bodyP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solidFill>
                  <a:prstClr val="black"/>
                </a:solidFill>
                <a:effectLst/>
                <a:uLnTx/>
                <a:uFillTx/>
                <a:latin typeface="Calibri"/>
                <a:ea typeface="+mn-ea"/>
                <a:cs typeface="+mn-cs"/>
              </a:rPr>
              <a:t>Q4 2015– </a:t>
            </a:r>
            <a:br>
              <a:rPr kumimoji="0" lang="en-GB" sz="1050" b="1" i="0" u="none" strike="noStrike" kern="1200" cap="none" spc="0" normalizeH="0" baseline="0" noProof="0" dirty="0">
                <a:ln>
                  <a:noFill/>
                </a:ln>
                <a:solidFill>
                  <a:prstClr val="black"/>
                </a:solidFill>
                <a:effectLst/>
                <a:uLnTx/>
                <a:uFillTx/>
                <a:latin typeface="Calibri"/>
                <a:ea typeface="+mn-ea"/>
                <a:cs typeface="+mn-cs"/>
              </a:rPr>
            </a:br>
            <a:r>
              <a:rPr kumimoji="0" lang="en-GB" sz="1050" b="1" i="0" u="none" strike="noStrike" kern="1200" cap="none" spc="0" normalizeH="0" baseline="0" noProof="0" dirty="0">
                <a:ln>
                  <a:noFill/>
                </a:ln>
                <a:solidFill>
                  <a:prstClr val="black"/>
                </a:solidFill>
                <a:effectLst/>
                <a:uLnTx/>
                <a:uFillTx/>
                <a:latin typeface="Calibri"/>
                <a:ea typeface="+mn-ea"/>
                <a:cs typeface="+mn-cs"/>
              </a:rPr>
              <a:t>Q1 2016</a:t>
            </a:r>
            <a:endParaRPr kumimoji="0" lang="en-US" sz="1050" b="1" i="0" u="none" strike="noStrike" kern="1200" cap="none" spc="0" normalizeH="0" baseline="0" noProof="0" dirty="0">
              <a:ln>
                <a:noFill/>
              </a:ln>
              <a:solidFill>
                <a:prstClr val="black"/>
              </a:solidFill>
              <a:effectLst/>
              <a:uLnTx/>
              <a:uFillTx/>
              <a:latin typeface="Calibri"/>
              <a:ea typeface="+mn-ea"/>
              <a:cs typeface="+mn-cs"/>
            </a:endParaRPr>
          </a:p>
        </p:txBody>
      </p:sp>
      <p:cxnSp>
        <p:nvCxnSpPr>
          <p:cNvPr id="27" name="Straight Arrow Connector 26" descr="Arrow."/>
          <p:cNvCxnSpPr/>
          <p:nvPr/>
        </p:nvCxnSpPr>
        <p:spPr>
          <a:xfrm>
            <a:off x="2932113" y="4241800"/>
            <a:ext cx="2473325" cy="0"/>
          </a:xfrm>
          <a:prstGeom prst="straightConnector1">
            <a:avLst/>
          </a:prstGeom>
          <a:ln w="19050">
            <a:solidFill>
              <a:srgbClr val="080808"/>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28" name="TextBox 27"/>
          <p:cNvSpPr txBox="1"/>
          <p:nvPr/>
        </p:nvSpPr>
        <p:spPr>
          <a:xfrm>
            <a:off x="3429000" y="4175125"/>
            <a:ext cx="1676400" cy="234950"/>
          </a:xfrm>
          <a:prstGeom prst="rect">
            <a:avLst/>
          </a:prstGeom>
          <a:solidFill>
            <a:schemeClr val="bg1"/>
          </a:solidFill>
        </p:spPr>
        <p:txBody>
          <a:bodyPr lIns="36000" tIns="36000" rIns="36000" bIns="36000">
            <a:spAutoFit/>
          </a:bodyP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solidFill>
                  <a:prstClr val="black"/>
                </a:solidFill>
                <a:effectLst/>
                <a:uLnTx/>
                <a:uFillTx/>
                <a:latin typeface="Calibri"/>
                <a:ea typeface="+mn-ea"/>
                <a:cs typeface="+mn-cs"/>
              </a:rPr>
              <a:t>Q2 2016 – Q3 2016</a:t>
            </a:r>
            <a:endParaRPr kumimoji="0" lang="en-US" sz="1050" b="1" i="0" u="none" strike="noStrike" kern="1200" cap="none" spc="0" normalizeH="0" baseline="0" noProof="0" dirty="0">
              <a:ln>
                <a:noFill/>
              </a:ln>
              <a:solidFill>
                <a:prstClr val="black"/>
              </a:solidFill>
              <a:effectLst/>
              <a:uLnTx/>
              <a:uFillTx/>
              <a:latin typeface="Calibri"/>
              <a:ea typeface="+mn-ea"/>
              <a:cs typeface="+mn-cs"/>
            </a:endParaRPr>
          </a:p>
        </p:txBody>
      </p:sp>
      <p:cxnSp>
        <p:nvCxnSpPr>
          <p:cNvPr id="29" name="Straight Arrow Connector 28" descr="Arrow."/>
          <p:cNvCxnSpPr/>
          <p:nvPr/>
        </p:nvCxnSpPr>
        <p:spPr>
          <a:xfrm flipV="1">
            <a:off x="5546725" y="4235450"/>
            <a:ext cx="2393950" cy="6350"/>
          </a:xfrm>
          <a:prstGeom prst="straightConnector1">
            <a:avLst/>
          </a:prstGeom>
          <a:ln w="19050">
            <a:solidFill>
              <a:srgbClr val="080808"/>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30" name="TextBox 29"/>
          <p:cNvSpPr txBox="1"/>
          <p:nvPr/>
        </p:nvSpPr>
        <p:spPr>
          <a:xfrm>
            <a:off x="6454775" y="4114800"/>
            <a:ext cx="777875" cy="395288"/>
          </a:xfrm>
          <a:prstGeom prst="rect">
            <a:avLst/>
          </a:prstGeom>
          <a:solidFill>
            <a:schemeClr val="bg1"/>
          </a:solidFill>
        </p:spPr>
        <p:txBody>
          <a:bodyPr lIns="36000" tIns="36000" rIns="36000" bIns="36000">
            <a:spAutoFit/>
          </a:bodyPr>
          <a:lstStyle/>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solidFill>
                  <a:prstClr val="black"/>
                </a:solidFill>
                <a:effectLst/>
                <a:uLnTx/>
                <a:uFillTx/>
                <a:latin typeface="Calibri"/>
                <a:ea typeface="+mn-ea"/>
                <a:cs typeface="+mn-cs"/>
              </a:rPr>
              <a:t>Q4 2016 - </a:t>
            </a:r>
          </a:p>
          <a:p>
            <a:pPr marL="0" marR="0" lvl="0" indent="0" algn="ctr" defTabSz="914309"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dirty="0">
                <a:ln>
                  <a:noFill/>
                </a:ln>
                <a:solidFill>
                  <a:prstClr val="black"/>
                </a:solidFill>
                <a:effectLst/>
                <a:uLnTx/>
                <a:uFillTx/>
                <a:latin typeface="Calibri"/>
                <a:ea typeface="+mn-ea"/>
                <a:cs typeface="+mn-cs"/>
              </a:rPr>
              <a:t>Q4 2017</a:t>
            </a:r>
            <a:endParaRPr kumimoji="0" lang="en-US" sz="1050" b="1" i="0" u="none" strike="noStrike" kern="1200" cap="none" spc="0" normalizeH="0" baseline="0" noProof="0" dirty="0">
              <a:ln>
                <a:noFill/>
              </a:ln>
              <a:solidFill>
                <a:prstClr val="black"/>
              </a:solidFill>
              <a:effectLst/>
              <a:uLnTx/>
              <a:uFillTx/>
              <a:latin typeface="Calibri"/>
              <a:ea typeface="+mn-ea"/>
              <a:cs typeface="+mn-cs"/>
            </a:endParaRPr>
          </a:p>
        </p:txBody>
      </p:sp>
      <p:sp>
        <p:nvSpPr>
          <p:cNvPr id="32" name="AutoShape 63" descr="Down arrow."/>
          <p:cNvSpPr>
            <a:spLocks noChangeArrowheads="1"/>
          </p:cNvSpPr>
          <p:nvPr/>
        </p:nvSpPr>
        <p:spPr bwMode="blackWhite">
          <a:xfrm>
            <a:off x="1146175" y="4538663"/>
            <a:ext cx="755650" cy="358775"/>
          </a:xfrm>
          <a:prstGeom prst="downArrow">
            <a:avLst>
              <a:gd name="adj1" fmla="val 50000"/>
              <a:gd name="adj2" fmla="val 50014"/>
            </a:avLst>
          </a:prstGeom>
          <a:solidFill>
            <a:schemeClr val="bg1">
              <a:lumMod val="75000"/>
            </a:schemeClr>
          </a:solidFill>
          <a:ln w="19050">
            <a:noFill/>
            <a:miter lim="800000"/>
            <a:headEnd/>
            <a:tailEnd/>
          </a:ln>
          <a:effectLst/>
        </p:spPr>
        <p:txBody>
          <a:bodyPr wrap="none" lIns="88019" tIns="44010" rIns="88019" bIns="44010" anchor="ctr"/>
          <a:lstStyle/>
          <a:p>
            <a:pPr marL="0" marR="0" lvl="0" indent="0" algn="ctr" defTabSz="881063" rtl="0" eaLnBrk="1" fontAlgn="auto" latinLnBrk="0" hangingPunct="1">
              <a:lnSpc>
                <a:spcPct val="100000"/>
              </a:lnSpc>
              <a:spcBef>
                <a:spcPts val="0"/>
              </a:spcBef>
              <a:spcAft>
                <a:spcPts val="0"/>
              </a:spcAft>
              <a:buClrTx/>
              <a:buSzTx/>
              <a:buFontTx/>
              <a:buNone/>
              <a:tabLst/>
              <a:defRPr/>
            </a:pPr>
            <a:endParaRPr kumimoji="0" lang="en-US" altLang="zh-CN" sz="1200" b="0" i="0" u="none" strike="noStrike" kern="1200" cap="none" spc="0" normalizeH="0" baseline="0" noProof="0" dirty="0">
              <a:ln>
                <a:noFill/>
              </a:ln>
              <a:solidFill>
                <a:prstClr val="black"/>
              </a:solidFill>
              <a:effectLst/>
              <a:uLnTx/>
              <a:uFillTx/>
              <a:latin typeface="Arial" pitchFamily="34" charset="0"/>
              <a:ea typeface="宋体" panose="02010600030101010101" pitchFamily="2" charset="-122"/>
              <a:cs typeface="SimSun"/>
            </a:endParaRPr>
          </a:p>
        </p:txBody>
      </p:sp>
      <p:sp>
        <p:nvSpPr>
          <p:cNvPr id="47134" name="AutoShape 63" descr="Down arrow."/>
          <p:cNvSpPr>
            <a:spLocks noChangeArrowheads="1"/>
          </p:cNvSpPr>
          <p:nvPr/>
        </p:nvSpPr>
        <p:spPr bwMode="blackWhite">
          <a:xfrm>
            <a:off x="3805238" y="4538663"/>
            <a:ext cx="755650" cy="358775"/>
          </a:xfrm>
          <a:prstGeom prst="downArrow">
            <a:avLst>
              <a:gd name="adj1" fmla="val 50000"/>
              <a:gd name="adj2" fmla="val 50014"/>
            </a:avLst>
          </a:prstGeom>
          <a:solidFill>
            <a:schemeClr val="bg1">
              <a:lumMod val="75000"/>
            </a:schemeClr>
          </a:solidFill>
          <a:ln>
            <a:noFill/>
          </a:ln>
        </p:spPr>
        <p:txBody>
          <a:bodyPr wrap="none" lIns="88019" tIns="44010" rIns="88019" bIns="44010" anchor="ctr"/>
          <a:lstStyle>
            <a:lvl1pPr defTabSz="881063">
              <a:defRPr>
                <a:solidFill>
                  <a:schemeClr val="tx1"/>
                </a:solidFill>
                <a:latin typeface="Calibri" panose="020F0502020204030204" pitchFamily="34" charset="0"/>
              </a:defRPr>
            </a:lvl1pPr>
            <a:lvl2pPr marL="742950" indent="-285750" defTabSz="881063">
              <a:defRPr>
                <a:solidFill>
                  <a:schemeClr val="tx1"/>
                </a:solidFill>
                <a:latin typeface="Calibri" panose="020F0502020204030204" pitchFamily="34" charset="0"/>
              </a:defRPr>
            </a:lvl2pPr>
            <a:lvl3pPr marL="1143000" indent="-228600" defTabSz="881063">
              <a:defRPr>
                <a:solidFill>
                  <a:schemeClr val="tx1"/>
                </a:solidFill>
                <a:latin typeface="Calibri" panose="020F0502020204030204" pitchFamily="34" charset="0"/>
              </a:defRPr>
            </a:lvl3pPr>
            <a:lvl4pPr marL="1600200" indent="-228600" defTabSz="881063">
              <a:defRPr>
                <a:solidFill>
                  <a:schemeClr val="tx1"/>
                </a:solidFill>
                <a:latin typeface="Calibri" panose="020F0502020204030204" pitchFamily="34" charset="0"/>
              </a:defRPr>
            </a:lvl4pPr>
            <a:lvl5pPr marL="2057400" indent="-228600" defTabSz="881063">
              <a:defRPr>
                <a:solidFill>
                  <a:schemeClr val="tx1"/>
                </a:solidFill>
                <a:latin typeface="Calibri" panose="020F0502020204030204" pitchFamily="34" charset="0"/>
              </a:defRPr>
            </a:lvl5pPr>
            <a:lvl6pPr marL="2514600" indent="-228600" defTabSz="881063" eaLnBrk="0" fontAlgn="base" hangingPunct="0">
              <a:spcBef>
                <a:spcPct val="0"/>
              </a:spcBef>
              <a:spcAft>
                <a:spcPct val="0"/>
              </a:spcAft>
              <a:defRPr>
                <a:solidFill>
                  <a:schemeClr val="tx1"/>
                </a:solidFill>
                <a:latin typeface="Calibri" panose="020F0502020204030204" pitchFamily="34" charset="0"/>
              </a:defRPr>
            </a:lvl6pPr>
            <a:lvl7pPr marL="2971800" indent="-228600" defTabSz="881063" eaLnBrk="0" fontAlgn="base" hangingPunct="0">
              <a:spcBef>
                <a:spcPct val="0"/>
              </a:spcBef>
              <a:spcAft>
                <a:spcPct val="0"/>
              </a:spcAft>
              <a:defRPr>
                <a:solidFill>
                  <a:schemeClr val="tx1"/>
                </a:solidFill>
                <a:latin typeface="Calibri" panose="020F0502020204030204" pitchFamily="34" charset="0"/>
              </a:defRPr>
            </a:lvl7pPr>
            <a:lvl8pPr marL="3429000" indent="-228600" defTabSz="881063" eaLnBrk="0" fontAlgn="base" hangingPunct="0">
              <a:spcBef>
                <a:spcPct val="0"/>
              </a:spcBef>
              <a:spcAft>
                <a:spcPct val="0"/>
              </a:spcAft>
              <a:defRPr>
                <a:solidFill>
                  <a:schemeClr val="tx1"/>
                </a:solidFill>
                <a:latin typeface="Calibri" panose="020F0502020204030204" pitchFamily="34" charset="0"/>
              </a:defRPr>
            </a:lvl8pPr>
            <a:lvl9pPr marL="3886200" indent="-228600" defTabSz="88106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881063" rtl="0" eaLnBrk="1" fontAlgn="auto" latinLnBrk="0" hangingPunct="1">
              <a:lnSpc>
                <a:spcPct val="100000"/>
              </a:lnSpc>
              <a:spcBef>
                <a:spcPts val="0"/>
              </a:spcBef>
              <a:spcAft>
                <a:spcPts val="0"/>
              </a:spcAft>
              <a:buClrTx/>
              <a:buSzTx/>
              <a:buFontTx/>
              <a:buNone/>
              <a:tabLst/>
              <a:defRPr/>
            </a:pPr>
            <a:endParaRPr kumimoji="0" lang="en-US" altLang="zh-CN" sz="1200" b="0" i="0" u="none" strike="noStrike" kern="1200" cap="none" spc="0" normalizeH="0" baseline="0" noProof="0">
              <a:ln>
                <a:noFill/>
              </a:ln>
              <a:solidFill>
                <a:srgbClr val="000000"/>
              </a:solidFill>
              <a:effectLst/>
              <a:uLnTx/>
              <a:uFillTx/>
              <a:latin typeface="Arial" panose="020B0604020202020204" pitchFamily="34" charset="0"/>
              <a:ea typeface="宋体" panose="02010600030101010101" pitchFamily="2" charset="-122"/>
              <a:cs typeface="+mn-cs"/>
            </a:endParaRPr>
          </a:p>
        </p:txBody>
      </p:sp>
      <p:sp>
        <p:nvSpPr>
          <p:cNvPr id="34" name="AutoShape 63" descr="Down arrow."/>
          <p:cNvSpPr>
            <a:spLocks noChangeArrowheads="1"/>
          </p:cNvSpPr>
          <p:nvPr/>
        </p:nvSpPr>
        <p:spPr bwMode="blackWhite">
          <a:xfrm>
            <a:off x="6446838" y="4538663"/>
            <a:ext cx="755650" cy="358775"/>
          </a:xfrm>
          <a:prstGeom prst="downArrow">
            <a:avLst>
              <a:gd name="adj1" fmla="val 50000"/>
              <a:gd name="adj2" fmla="val 50014"/>
            </a:avLst>
          </a:prstGeom>
          <a:solidFill>
            <a:schemeClr val="accent2">
              <a:lumMod val="75000"/>
            </a:schemeClr>
          </a:solidFill>
          <a:ln w="19050">
            <a:noFill/>
            <a:miter lim="800000"/>
            <a:headEnd/>
            <a:tailEnd/>
          </a:ln>
          <a:effectLst/>
        </p:spPr>
        <p:txBody>
          <a:bodyPr wrap="none" lIns="88019" tIns="44010" rIns="88019" bIns="44010" anchor="ctr"/>
          <a:lstStyle/>
          <a:p>
            <a:pPr marL="0" marR="0" lvl="0" indent="0" algn="ctr" defTabSz="881063" rtl="0" eaLnBrk="1" fontAlgn="auto" latinLnBrk="0" hangingPunct="1">
              <a:lnSpc>
                <a:spcPct val="100000"/>
              </a:lnSpc>
              <a:spcBef>
                <a:spcPts val="0"/>
              </a:spcBef>
              <a:spcAft>
                <a:spcPts val="0"/>
              </a:spcAft>
              <a:buClrTx/>
              <a:buSzTx/>
              <a:buFontTx/>
              <a:buNone/>
              <a:tabLst/>
              <a:defRPr/>
            </a:pPr>
            <a:endParaRPr kumimoji="0" lang="en-US" altLang="zh-CN" sz="1200" b="0" i="0" u="none" strike="noStrike" kern="1200" cap="none" spc="0" normalizeH="0" baseline="0" noProof="0" dirty="0">
              <a:ln>
                <a:noFill/>
              </a:ln>
              <a:solidFill>
                <a:prstClr val="black"/>
              </a:solidFill>
              <a:effectLst/>
              <a:uLnTx/>
              <a:uFillTx/>
              <a:latin typeface="Arial" pitchFamily="34" charset="0"/>
              <a:ea typeface="宋体" panose="02010600030101010101" pitchFamily="2" charset="-122"/>
              <a:cs typeface="SimSun"/>
            </a:endParaRPr>
          </a:p>
        </p:txBody>
      </p:sp>
      <p:sp>
        <p:nvSpPr>
          <p:cNvPr id="35" name="TextBox 34"/>
          <p:cNvSpPr txBox="1"/>
          <p:nvPr>
            <p:custDataLst>
              <p:tags r:id="rId3"/>
            </p:custDataLst>
          </p:nvPr>
        </p:nvSpPr>
        <p:spPr>
          <a:xfrm>
            <a:off x="225425" y="4992688"/>
            <a:ext cx="2576513" cy="1043876"/>
          </a:xfrm>
          <a:prstGeom prst="rect">
            <a:avLst/>
          </a:prstGeom>
          <a:solidFill>
            <a:schemeClr val="bg1">
              <a:lumMod val="95000"/>
            </a:schemeClr>
          </a:solidFill>
          <a:ln>
            <a:solidFill>
              <a:schemeClr val="bg1"/>
            </a:solidFill>
          </a:ln>
        </p:spPr>
        <p:txBody>
          <a:bodyPr>
            <a:spAutoFit/>
          </a:bodyPr>
          <a:lstStyle/>
          <a:p>
            <a:pPr marL="182563" marR="0" lvl="0" indent="-182563" algn="l" defTabSz="914309" rtl="0" eaLnBrk="1" fontAlgn="auto" latinLnBrk="0" hangingPunct="1">
              <a:lnSpc>
                <a:spcPct val="100000"/>
              </a:lnSpc>
              <a:spcBef>
                <a:spcPts val="672"/>
              </a:spcBef>
              <a:spcAft>
                <a:spcPts val="0"/>
              </a:spcAft>
              <a:buClrTx/>
              <a:buSzPct val="100000"/>
              <a:buFont typeface="Verdana"/>
              <a:buChar char="•"/>
              <a:tabLst/>
              <a:defRPr/>
            </a:pPr>
            <a:r>
              <a:rPr kumimoji="0" lang="en-US" sz="1400" b="0" i="0" u="none" strike="noStrike" kern="1200" cap="none" spc="0" normalizeH="0" baseline="0" noProof="0" dirty="0">
                <a:ln>
                  <a:noFill/>
                </a:ln>
                <a:solidFill>
                  <a:prstClr val="black"/>
                </a:solidFill>
                <a:effectLst/>
                <a:uLnTx/>
                <a:uFillTx/>
                <a:latin typeface="Calibri"/>
                <a:ea typeface="+mn-ea"/>
                <a:cs typeface="+mn-cs"/>
              </a:rPr>
              <a:t>Establish national &amp; cluster inclusion programs</a:t>
            </a:r>
          </a:p>
          <a:p>
            <a:pPr marL="182563" marR="0" lvl="0" indent="-182563" algn="l" defTabSz="914309" rtl="0" eaLnBrk="1" fontAlgn="auto" latinLnBrk="0" hangingPunct="1">
              <a:lnSpc>
                <a:spcPct val="100000"/>
              </a:lnSpc>
              <a:spcBef>
                <a:spcPts val="672"/>
              </a:spcBef>
              <a:spcAft>
                <a:spcPts val="0"/>
              </a:spcAft>
              <a:buClrTx/>
              <a:buSzPct val="100000"/>
              <a:buFont typeface="Verdana"/>
              <a:buChar char="•"/>
              <a:tabLst/>
              <a:defRPr/>
            </a:pPr>
            <a:r>
              <a:rPr kumimoji="0" lang="en-US" sz="1400" b="0" i="0" u="none" strike="noStrike" kern="1200" cap="none" spc="0" normalizeH="0" baseline="0" noProof="0" dirty="0">
                <a:ln>
                  <a:noFill/>
                </a:ln>
                <a:solidFill>
                  <a:prstClr val="black"/>
                </a:solidFill>
                <a:effectLst/>
                <a:uLnTx/>
                <a:uFillTx/>
                <a:latin typeface="Calibri"/>
                <a:ea typeface="+mn-ea"/>
                <a:cs typeface="+mn-cs"/>
              </a:rPr>
              <a:t>Establish a number of       field-building programs</a:t>
            </a:r>
          </a:p>
        </p:txBody>
      </p:sp>
      <p:sp>
        <p:nvSpPr>
          <p:cNvPr id="36" name="TextBox 35"/>
          <p:cNvSpPr txBox="1"/>
          <p:nvPr>
            <p:custDataLst>
              <p:tags r:id="rId4"/>
            </p:custDataLst>
          </p:nvPr>
        </p:nvSpPr>
        <p:spPr>
          <a:xfrm>
            <a:off x="5535613" y="4997450"/>
            <a:ext cx="2578100" cy="1039813"/>
          </a:xfrm>
          <a:prstGeom prst="rect">
            <a:avLst/>
          </a:prstGeom>
          <a:solidFill>
            <a:srgbClr val="0070C0"/>
          </a:solidFill>
          <a:ln>
            <a:solidFill>
              <a:schemeClr val="bg1"/>
            </a:solidFill>
          </a:ln>
        </p:spPr>
        <p:txBody>
          <a:bodyPr>
            <a:spAutoFit/>
          </a:bodyPr>
          <a:lstStyle>
            <a:defPPr>
              <a:defRPr lang="en-US"/>
            </a:defPPr>
            <a:lvl1pPr marL="182563" indent="-182563">
              <a:spcBef>
                <a:spcPts val="672"/>
              </a:spcBef>
              <a:buSzPct val="100000"/>
              <a:buFont typeface="Verdana"/>
              <a:buChar char="•"/>
              <a:defRPr sz="1400">
                <a:solidFill>
                  <a:schemeClr val="tx1"/>
                </a:solidFill>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182563" marR="0" lvl="0" indent="-182563" algn="l" defTabSz="914309" rtl="0" eaLnBrk="1" fontAlgn="auto" latinLnBrk="0" hangingPunct="1">
              <a:lnSpc>
                <a:spcPct val="100000"/>
              </a:lnSpc>
              <a:spcBef>
                <a:spcPts val="672"/>
              </a:spcBef>
              <a:spcAft>
                <a:spcPts val="0"/>
              </a:spcAft>
              <a:buClrTx/>
              <a:buSzPct val="100000"/>
              <a:buFont typeface="Verdana"/>
              <a:buChar char="•"/>
              <a:tabLst/>
              <a:defRPr/>
            </a:pPr>
            <a:r>
              <a:rPr kumimoji="0" lang="en-US" sz="1400" b="0" i="0" u="none" strike="noStrike" kern="1200" cap="none" spc="0" normalizeH="0" baseline="0" noProof="0" dirty="0">
                <a:ln>
                  <a:noFill/>
                </a:ln>
                <a:solidFill>
                  <a:prstClr val="white"/>
                </a:solidFill>
                <a:effectLst/>
                <a:uLnTx/>
                <a:uFillTx/>
                <a:latin typeface="Calibri"/>
                <a:ea typeface="+mn-ea"/>
                <a:cs typeface="+mn-cs"/>
              </a:rPr>
              <a:t>Publish case studies and learnings</a:t>
            </a:r>
          </a:p>
          <a:p>
            <a:pPr marL="182563" marR="0" lvl="0" indent="-182563" algn="l" defTabSz="914309" rtl="0" eaLnBrk="1" fontAlgn="auto" latinLnBrk="0" hangingPunct="1">
              <a:lnSpc>
                <a:spcPct val="100000"/>
              </a:lnSpc>
              <a:spcBef>
                <a:spcPts val="672"/>
              </a:spcBef>
              <a:spcAft>
                <a:spcPts val="0"/>
              </a:spcAft>
              <a:buClrTx/>
              <a:buSzPct val="100000"/>
              <a:buFont typeface="Verdana"/>
              <a:buChar char="•"/>
              <a:tabLst/>
              <a:defRPr/>
            </a:pPr>
            <a:r>
              <a:rPr kumimoji="0" lang="en-US" sz="1400" b="0" i="0" u="none" strike="noStrike" kern="1200" cap="none" spc="0" normalizeH="0" baseline="0" noProof="0" dirty="0">
                <a:ln>
                  <a:noFill/>
                </a:ln>
                <a:solidFill>
                  <a:prstClr val="white"/>
                </a:solidFill>
                <a:effectLst/>
                <a:uLnTx/>
                <a:uFillTx/>
                <a:latin typeface="Calibri"/>
                <a:ea typeface="+mn-ea"/>
                <a:cs typeface="+mn-cs"/>
              </a:rPr>
              <a:t>Encourage other employers and communities to scale</a:t>
            </a:r>
          </a:p>
        </p:txBody>
      </p:sp>
      <p:sp>
        <p:nvSpPr>
          <p:cNvPr id="47138" name="RedCircle2" descr="Red circle"/>
          <p:cNvSpPr>
            <a:spLocks noEditPoints="1"/>
          </p:cNvSpPr>
          <p:nvPr/>
        </p:nvSpPr>
        <p:spPr bwMode="auto">
          <a:xfrm>
            <a:off x="6057900" y="4021931"/>
            <a:ext cx="1371600" cy="541338"/>
          </a:xfrm>
          <a:custGeom>
            <a:avLst/>
            <a:gdLst>
              <a:gd name="T0" fmla="*/ 2147483646 w 1776"/>
              <a:gd name="T1" fmla="*/ 2147483646 h 1168"/>
              <a:gd name="T2" fmla="*/ 2147483646 w 1776"/>
              <a:gd name="T3" fmla="*/ 2147483646 h 1168"/>
              <a:gd name="T4" fmla="*/ 2147483646 w 1776"/>
              <a:gd name="T5" fmla="*/ 2147483646 h 1168"/>
              <a:gd name="T6" fmla="*/ 2147483646 w 1776"/>
              <a:gd name="T7" fmla="*/ 2147483646 h 1168"/>
              <a:gd name="T8" fmla="*/ 2147483646 w 1776"/>
              <a:gd name="T9" fmla="*/ 2147483646 h 1168"/>
              <a:gd name="T10" fmla="*/ 2147483646 w 1776"/>
              <a:gd name="T11" fmla="*/ 2147483646 h 1168"/>
              <a:gd name="T12" fmla="*/ 2147483646 w 1776"/>
              <a:gd name="T13" fmla="*/ 2147483646 h 1168"/>
              <a:gd name="T14" fmla="*/ 2147483646 w 1776"/>
              <a:gd name="T15" fmla="*/ 2147483646 h 1168"/>
              <a:gd name="T16" fmla="*/ 2147483646 w 1776"/>
              <a:gd name="T17" fmla="*/ 2147483646 h 1168"/>
              <a:gd name="T18" fmla="*/ 2147483646 w 1776"/>
              <a:gd name="T19" fmla="*/ 2147483646 h 1168"/>
              <a:gd name="T20" fmla="*/ 2147483646 w 1776"/>
              <a:gd name="T21" fmla="*/ 2147483646 h 1168"/>
              <a:gd name="T22" fmla="*/ 2147483646 w 1776"/>
              <a:gd name="T23" fmla="*/ 2147483646 h 1168"/>
              <a:gd name="T24" fmla="*/ 2147483646 w 1776"/>
              <a:gd name="T25" fmla="*/ 2147483646 h 1168"/>
              <a:gd name="T26" fmla="*/ 2147483646 w 1776"/>
              <a:gd name="T27" fmla="*/ 2147483646 h 1168"/>
              <a:gd name="T28" fmla="*/ 2147483646 w 1776"/>
              <a:gd name="T29" fmla="*/ 2147483646 h 1168"/>
              <a:gd name="T30" fmla="*/ 2147483646 w 1776"/>
              <a:gd name="T31" fmla="*/ 2147483646 h 1168"/>
              <a:gd name="T32" fmla="*/ 2147483646 w 1776"/>
              <a:gd name="T33" fmla="*/ 2147483646 h 1168"/>
              <a:gd name="T34" fmla="*/ 2147483646 w 1776"/>
              <a:gd name="T35" fmla="*/ 2147483646 h 1168"/>
              <a:gd name="T36" fmla="*/ 2147483646 w 1776"/>
              <a:gd name="T37" fmla="*/ 2147483646 h 1168"/>
              <a:gd name="T38" fmla="*/ 2147483646 w 1776"/>
              <a:gd name="T39" fmla="*/ 2147483646 h 1168"/>
              <a:gd name="T40" fmla="*/ 2147483646 w 1776"/>
              <a:gd name="T41" fmla="*/ 2147483646 h 1168"/>
              <a:gd name="T42" fmla="*/ 2147483646 w 1776"/>
              <a:gd name="T43" fmla="*/ 2147483646 h 1168"/>
              <a:gd name="T44" fmla="*/ 2147483646 w 1776"/>
              <a:gd name="T45" fmla="*/ 2147483646 h 1168"/>
              <a:gd name="T46" fmla="*/ 2147483646 w 1776"/>
              <a:gd name="T47" fmla="*/ 2147483646 h 1168"/>
              <a:gd name="T48" fmla="*/ 2147483646 w 1776"/>
              <a:gd name="T49" fmla="*/ 2147483646 h 1168"/>
              <a:gd name="T50" fmla="*/ 2147483646 w 1776"/>
              <a:gd name="T51" fmla="*/ 2147483646 h 1168"/>
              <a:gd name="T52" fmla="*/ 2147483646 w 1776"/>
              <a:gd name="T53" fmla="*/ 2147483646 h 1168"/>
              <a:gd name="T54" fmla="*/ 2147483646 w 1776"/>
              <a:gd name="T55" fmla="*/ 2147483646 h 1168"/>
              <a:gd name="T56" fmla="*/ 2147483646 w 1776"/>
              <a:gd name="T57" fmla="*/ 2147483646 h 1168"/>
              <a:gd name="T58" fmla="*/ 2147483646 w 1776"/>
              <a:gd name="T59" fmla="*/ 2147483646 h 1168"/>
              <a:gd name="T60" fmla="*/ 2147483646 w 1776"/>
              <a:gd name="T61" fmla="*/ 2147483646 h 1168"/>
              <a:gd name="T62" fmla="*/ 2147483646 w 1776"/>
              <a:gd name="T63" fmla="*/ 2147483646 h 1168"/>
              <a:gd name="T64" fmla="*/ 2147483646 w 1776"/>
              <a:gd name="T65" fmla="*/ 2147483646 h 1168"/>
              <a:gd name="T66" fmla="*/ 2147483646 w 1776"/>
              <a:gd name="T67" fmla="*/ 2147483646 h 1168"/>
              <a:gd name="T68" fmla="*/ 2147483646 w 1776"/>
              <a:gd name="T69" fmla="*/ 2147483646 h 1168"/>
              <a:gd name="T70" fmla="*/ 2147483646 w 1776"/>
              <a:gd name="T71" fmla="*/ 2147483646 h 1168"/>
              <a:gd name="T72" fmla="*/ 2147483646 w 1776"/>
              <a:gd name="T73" fmla="*/ 2147483646 h 1168"/>
              <a:gd name="T74" fmla="*/ 2147483646 w 1776"/>
              <a:gd name="T75" fmla="*/ 2147483646 h 1168"/>
              <a:gd name="T76" fmla="*/ 2147483646 w 1776"/>
              <a:gd name="T77" fmla="*/ 2147483646 h 1168"/>
              <a:gd name="T78" fmla="*/ 2147483646 w 1776"/>
              <a:gd name="T79" fmla="*/ 2147483646 h 1168"/>
              <a:gd name="T80" fmla="*/ 2147483646 w 1776"/>
              <a:gd name="T81" fmla="*/ 2147483646 h 1168"/>
              <a:gd name="T82" fmla="*/ 2147483646 w 1776"/>
              <a:gd name="T83" fmla="*/ 2147483646 h 1168"/>
              <a:gd name="T84" fmla="*/ 2147483646 w 1776"/>
              <a:gd name="T85" fmla="*/ 2147483646 h 1168"/>
              <a:gd name="T86" fmla="*/ 2147483646 w 1776"/>
              <a:gd name="T87" fmla="*/ 2147483646 h 1168"/>
              <a:gd name="T88" fmla="*/ 2147483646 w 1776"/>
              <a:gd name="T89" fmla="*/ 2147483646 h 1168"/>
              <a:gd name="T90" fmla="*/ 2147483646 w 1776"/>
              <a:gd name="T91" fmla="*/ 2147483646 h 1168"/>
              <a:gd name="T92" fmla="*/ 2147483646 w 1776"/>
              <a:gd name="T93" fmla="*/ 2147483646 h 1168"/>
              <a:gd name="T94" fmla="*/ 2147483646 w 1776"/>
              <a:gd name="T95" fmla="*/ 2147483646 h 1168"/>
              <a:gd name="T96" fmla="*/ 2147483646 w 1776"/>
              <a:gd name="T97" fmla="*/ 2147483646 h 1168"/>
              <a:gd name="T98" fmla="*/ 2147483646 w 1776"/>
              <a:gd name="T99" fmla="*/ 2147483646 h 1168"/>
              <a:gd name="T100" fmla="*/ 2147483646 w 1776"/>
              <a:gd name="T101" fmla="*/ 2147483646 h 1168"/>
              <a:gd name="T102" fmla="*/ 2147483646 w 1776"/>
              <a:gd name="T103" fmla="*/ 2147483646 h 1168"/>
              <a:gd name="T104" fmla="*/ 2147483646 w 1776"/>
              <a:gd name="T105" fmla="*/ 2147483646 h 1168"/>
              <a:gd name="T106" fmla="*/ 2147483646 w 1776"/>
              <a:gd name="T107" fmla="*/ 2147483646 h 1168"/>
              <a:gd name="T108" fmla="*/ 2147483646 w 1776"/>
              <a:gd name="T109" fmla="*/ 2147483646 h 1168"/>
              <a:gd name="T110" fmla="*/ 2147483646 w 1776"/>
              <a:gd name="T111" fmla="*/ 2147483646 h 1168"/>
              <a:gd name="T112" fmla="*/ 2147483646 w 1776"/>
              <a:gd name="T113" fmla="*/ 2147483646 h 1168"/>
              <a:gd name="T114" fmla="*/ 2147483646 w 1776"/>
              <a:gd name="T115" fmla="*/ 2147483646 h 1168"/>
              <a:gd name="T116" fmla="*/ 2147483646 w 1776"/>
              <a:gd name="T117" fmla="*/ 2147483646 h 1168"/>
              <a:gd name="T118" fmla="*/ 2147483646 w 1776"/>
              <a:gd name="T119" fmla="*/ 2147483646 h 1168"/>
              <a:gd name="T120" fmla="*/ 2147483646 w 1776"/>
              <a:gd name="T121" fmla="*/ 2147483646 h 1168"/>
              <a:gd name="T122" fmla="*/ 2147483646 w 1776"/>
              <a:gd name="T123" fmla="*/ 2147483646 h 1168"/>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1776" h="1168">
                <a:moveTo>
                  <a:pt x="1620" y="242"/>
                </a:moveTo>
                <a:cubicBezTo>
                  <a:pt x="1626" y="235"/>
                  <a:pt x="1626" y="235"/>
                  <a:pt x="1626" y="235"/>
                </a:cubicBezTo>
                <a:cubicBezTo>
                  <a:pt x="1620" y="235"/>
                  <a:pt x="1620" y="235"/>
                  <a:pt x="1620" y="242"/>
                </a:cubicBezTo>
                <a:close/>
                <a:moveTo>
                  <a:pt x="1645" y="254"/>
                </a:moveTo>
                <a:cubicBezTo>
                  <a:pt x="1626" y="235"/>
                  <a:pt x="1626" y="235"/>
                  <a:pt x="1626" y="235"/>
                </a:cubicBezTo>
                <a:cubicBezTo>
                  <a:pt x="1626" y="235"/>
                  <a:pt x="1626" y="235"/>
                  <a:pt x="1626" y="235"/>
                </a:cubicBezTo>
                <a:cubicBezTo>
                  <a:pt x="1626" y="235"/>
                  <a:pt x="1632" y="242"/>
                  <a:pt x="1645" y="254"/>
                </a:cubicBezTo>
                <a:close/>
                <a:moveTo>
                  <a:pt x="1488" y="908"/>
                </a:moveTo>
                <a:cubicBezTo>
                  <a:pt x="1488" y="908"/>
                  <a:pt x="1488" y="908"/>
                  <a:pt x="1488" y="908"/>
                </a:cubicBezTo>
                <a:cubicBezTo>
                  <a:pt x="1488" y="908"/>
                  <a:pt x="1488" y="908"/>
                  <a:pt x="1488" y="908"/>
                </a:cubicBezTo>
                <a:close/>
                <a:moveTo>
                  <a:pt x="1488" y="908"/>
                </a:moveTo>
                <a:cubicBezTo>
                  <a:pt x="1482" y="908"/>
                  <a:pt x="1488" y="908"/>
                  <a:pt x="1475" y="921"/>
                </a:cubicBezTo>
                <a:cubicBezTo>
                  <a:pt x="1482" y="908"/>
                  <a:pt x="1488" y="908"/>
                  <a:pt x="1488" y="908"/>
                </a:cubicBezTo>
                <a:close/>
                <a:moveTo>
                  <a:pt x="408" y="400"/>
                </a:moveTo>
                <a:cubicBezTo>
                  <a:pt x="415" y="400"/>
                  <a:pt x="421" y="394"/>
                  <a:pt x="433" y="394"/>
                </a:cubicBezTo>
                <a:cubicBezTo>
                  <a:pt x="433" y="394"/>
                  <a:pt x="433" y="394"/>
                  <a:pt x="415" y="400"/>
                </a:cubicBezTo>
                <a:cubicBezTo>
                  <a:pt x="415" y="400"/>
                  <a:pt x="415" y="400"/>
                  <a:pt x="408" y="400"/>
                </a:cubicBezTo>
                <a:close/>
                <a:moveTo>
                  <a:pt x="333" y="451"/>
                </a:moveTo>
                <a:cubicBezTo>
                  <a:pt x="333" y="451"/>
                  <a:pt x="333" y="451"/>
                  <a:pt x="308" y="464"/>
                </a:cubicBezTo>
                <a:cubicBezTo>
                  <a:pt x="327" y="451"/>
                  <a:pt x="352" y="445"/>
                  <a:pt x="364" y="432"/>
                </a:cubicBezTo>
                <a:cubicBezTo>
                  <a:pt x="377" y="426"/>
                  <a:pt x="390" y="419"/>
                  <a:pt x="408" y="407"/>
                </a:cubicBezTo>
                <a:cubicBezTo>
                  <a:pt x="383" y="426"/>
                  <a:pt x="358" y="438"/>
                  <a:pt x="333" y="451"/>
                </a:cubicBezTo>
                <a:close/>
                <a:moveTo>
                  <a:pt x="396" y="1092"/>
                </a:moveTo>
                <a:cubicBezTo>
                  <a:pt x="408" y="1092"/>
                  <a:pt x="408" y="1092"/>
                  <a:pt x="408" y="1092"/>
                </a:cubicBezTo>
                <a:cubicBezTo>
                  <a:pt x="396" y="1092"/>
                  <a:pt x="408" y="1092"/>
                  <a:pt x="396" y="1092"/>
                </a:cubicBezTo>
                <a:close/>
                <a:moveTo>
                  <a:pt x="1312" y="997"/>
                </a:moveTo>
                <a:cubicBezTo>
                  <a:pt x="1318" y="997"/>
                  <a:pt x="1318" y="997"/>
                  <a:pt x="1325" y="991"/>
                </a:cubicBezTo>
                <a:cubicBezTo>
                  <a:pt x="1318" y="997"/>
                  <a:pt x="1318" y="997"/>
                  <a:pt x="1312" y="997"/>
                </a:cubicBezTo>
                <a:close/>
                <a:moveTo>
                  <a:pt x="590" y="1124"/>
                </a:moveTo>
                <a:cubicBezTo>
                  <a:pt x="584" y="1124"/>
                  <a:pt x="572" y="1124"/>
                  <a:pt x="553" y="1124"/>
                </a:cubicBezTo>
                <a:cubicBezTo>
                  <a:pt x="565" y="1124"/>
                  <a:pt x="578" y="1124"/>
                  <a:pt x="590" y="1124"/>
                </a:cubicBezTo>
                <a:close/>
                <a:moveTo>
                  <a:pt x="1381" y="972"/>
                </a:moveTo>
                <a:cubicBezTo>
                  <a:pt x="1394" y="965"/>
                  <a:pt x="1400" y="965"/>
                  <a:pt x="1400" y="965"/>
                </a:cubicBezTo>
                <a:cubicBezTo>
                  <a:pt x="1394" y="965"/>
                  <a:pt x="1387" y="972"/>
                  <a:pt x="1381" y="972"/>
                </a:cubicBezTo>
                <a:cubicBezTo>
                  <a:pt x="1381" y="972"/>
                  <a:pt x="1381" y="972"/>
                  <a:pt x="1375" y="972"/>
                </a:cubicBezTo>
                <a:cubicBezTo>
                  <a:pt x="1394" y="965"/>
                  <a:pt x="1387" y="972"/>
                  <a:pt x="1381" y="972"/>
                </a:cubicBezTo>
                <a:close/>
                <a:moveTo>
                  <a:pt x="1538" y="876"/>
                </a:moveTo>
                <a:cubicBezTo>
                  <a:pt x="1538" y="883"/>
                  <a:pt x="1532" y="883"/>
                  <a:pt x="1525" y="889"/>
                </a:cubicBezTo>
                <a:cubicBezTo>
                  <a:pt x="1532" y="889"/>
                  <a:pt x="1532" y="883"/>
                  <a:pt x="1538" y="883"/>
                </a:cubicBezTo>
                <a:cubicBezTo>
                  <a:pt x="1538" y="876"/>
                  <a:pt x="1538" y="876"/>
                  <a:pt x="1538" y="876"/>
                </a:cubicBezTo>
                <a:close/>
                <a:moveTo>
                  <a:pt x="546" y="1124"/>
                </a:moveTo>
                <a:cubicBezTo>
                  <a:pt x="553" y="1124"/>
                  <a:pt x="565" y="1124"/>
                  <a:pt x="578" y="1124"/>
                </a:cubicBezTo>
                <a:cubicBezTo>
                  <a:pt x="572" y="1124"/>
                  <a:pt x="572" y="1124"/>
                  <a:pt x="572" y="1124"/>
                </a:cubicBezTo>
                <a:cubicBezTo>
                  <a:pt x="546" y="1124"/>
                  <a:pt x="546" y="1124"/>
                  <a:pt x="546" y="1124"/>
                </a:cubicBezTo>
                <a:close/>
                <a:moveTo>
                  <a:pt x="1670" y="750"/>
                </a:moveTo>
                <a:cubicBezTo>
                  <a:pt x="1682" y="743"/>
                  <a:pt x="1670" y="750"/>
                  <a:pt x="1682" y="737"/>
                </a:cubicBezTo>
                <a:cubicBezTo>
                  <a:pt x="1689" y="730"/>
                  <a:pt x="1701" y="705"/>
                  <a:pt x="1707" y="692"/>
                </a:cubicBezTo>
                <a:cubicBezTo>
                  <a:pt x="1701" y="705"/>
                  <a:pt x="1701" y="705"/>
                  <a:pt x="1695" y="718"/>
                </a:cubicBezTo>
                <a:cubicBezTo>
                  <a:pt x="1695" y="705"/>
                  <a:pt x="1701" y="705"/>
                  <a:pt x="1701" y="692"/>
                </a:cubicBezTo>
                <a:cubicBezTo>
                  <a:pt x="1701" y="699"/>
                  <a:pt x="1701" y="699"/>
                  <a:pt x="1701" y="692"/>
                </a:cubicBezTo>
                <a:cubicBezTo>
                  <a:pt x="1701" y="699"/>
                  <a:pt x="1701" y="699"/>
                  <a:pt x="1701" y="699"/>
                </a:cubicBezTo>
                <a:cubicBezTo>
                  <a:pt x="1701" y="699"/>
                  <a:pt x="1701" y="699"/>
                  <a:pt x="1701" y="692"/>
                </a:cubicBezTo>
                <a:cubicBezTo>
                  <a:pt x="1701" y="692"/>
                  <a:pt x="1701" y="692"/>
                  <a:pt x="1701" y="692"/>
                </a:cubicBezTo>
                <a:cubicBezTo>
                  <a:pt x="1707" y="692"/>
                  <a:pt x="1707" y="686"/>
                  <a:pt x="1707" y="686"/>
                </a:cubicBezTo>
                <a:cubicBezTo>
                  <a:pt x="1707" y="680"/>
                  <a:pt x="1714" y="673"/>
                  <a:pt x="1714" y="673"/>
                </a:cubicBezTo>
                <a:cubicBezTo>
                  <a:pt x="1714" y="667"/>
                  <a:pt x="1714" y="661"/>
                  <a:pt x="1720" y="661"/>
                </a:cubicBezTo>
                <a:cubicBezTo>
                  <a:pt x="1720" y="654"/>
                  <a:pt x="1720" y="654"/>
                  <a:pt x="1720" y="654"/>
                </a:cubicBezTo>
                <a:cubicBezTo>
                  <a:pt x="1720" y="654"/>
                  <a:pt x="1714" y="661"/>
                  <a:pt x="1714" y="667"/>
                </a:cubicBezTo>
                <a:cubicBezTo>
                  <a:pt x="1714" y="661"/>
                  <a:pt x="1714" y="661"/>
                  <a:pt x="1714" y="661"/>
                </a:cubicBezTo>
                <a:cubicBezTo>
                  <a:pt x="1720" y="654"/>
                  <a:pt x="1720" y="648"/>
                  <a:pt x="1720" y="648"/>
                </a:cubicBezTo>
                <a:cubicBezTo>
                  <a:pt x="1720" y="642"/>
                  <a:pt x="1720" y="648"/>
                  <a:pt x="1720" y="642"/>
                </a:cubicBezTo>
                <a:cubicBezTo>
                  <a:pt x="1726" y="635"/>
                  <a:pt x="1726" y="635"/>
                  <a:pt x="1726" y="635"/>
                </a:cubicBezTo>
                <a:cubicBezTo>
                  <a:pt x="1720" y="642"/>
                  <a:pt x="1720" y="648"/>
                  <a:pt x="1720" y="654"/>
                </a:cubicBezTo>
                <a:cubicBezTo>
                  <a:pt x="1726" y="642"/>
                  <a:pt x="1726" y="635"/>
                  <a:pt x="1733" y="604"/>
                </a:cubicBezTo>
                <a:cubicBezTo>
                  <a:pt x="1733" y="604"/>
                  <a:pt x="1733" y="604"/>
                  <a:pt x="1726" y="629"/>
                </a:cubicBezTo>
                <a:cubicBezTo>
                  <a:pt x="1726" y="610"/>
                  <a:pt x="1733" y="604"/>
                  <a:pt x="1733" y="604"/>
                </a:cubicBezTo>
                <a:cubicBezTo>
                  <a:pt x="1726" y="623"/>
                  <a:pt x="1726" y="623"/>
                  <a:pt x="1726" y="623"/>
                </a:cubicBezTo>
                <a:cubicBezTo>
                  <a:pt x="1733" y="604"/>
                  <a:pt x="1733" y="610"/>
                  <a:pt x="1733" y="604"/>
                </a:cubicBezTo>
                <a:cubicBezTo>
                  <a:pt x="1733" y="597"/>
                  <a:pt x="1733" y="591"/>
                  <a:pt x="1739" y="572"/>
                </a:cubicBezTo>
                <a:cubicBezTo>
                  <a:pt x="1739" y="565"/>
                  <a:pt x="1739" y="565"/>
                  <a:pt x="1733" y="584"/>
                </a:cubicBezTo>
                <a:cubicBezTo>
                  <a:pt x="1739" y="546"/>
                  <a:pt x="1739" y="527"/>
                  <a:pt x="1739" y="470"/>
                </a:cubicBezTo>
                <a:cubicBezTo>
                  <a:pt x="1739" y="464"/>
                  <a:pt x="1739" y="464"/>
                  <a:pt x="1739" y="464"/>
                </a:cubicBezTo>
                <a:cubicBezTo>
                  <a:pt x="1739" y="464"/>
                  <a:pt x="1739" y="464"/>
                  <a:pt x="1739" y="451"/>
                </a:cubicBezTo>
                <a:cubicBezTo>
                  <a:pt x="1733" y="451"/>
                  <a:pt x="1733" y="451"/>
                  <a:pt x="1733" y="451"/>
                </a:cubicBezTo>
                <a:cubicBezTo>
                  <a:pt x="1733" y="451"/>
                  <a:pt x="1733" y="451"/>
                  <a:pt x="1733" y="458"/>
                </a:cubicBezTo>
                <a:cubicBezTo>
                  <a:pt x="1733" y="464"/>
                  <a:pt x="1733" y="464"/>
                  <a:pt x="1733" y="464"/>
                </a:cubicBezTo>
                <a:cubicBezTo>
                  <a:pt x="1733" y="464"/>
                  <a:pt x="1733" y="464"/>
                  <a:pt x="1733" y="464"/>
                </a:cubicBezTo>
                <a:cubicBezTo>
                  <a:pt x="1733" y="464"/>
                  <a:pt x="1733" y="464"/>
                  <a:pt x="1733" y="464"/>
                </a:cubicBezTo>
                <a:cubicBezTo>
                  <a:pt x="1733" y="464"/>
                  <a:pt x="1733" y="464"/>
                  <a:pt x="1733" y="464"/>
                </a:cubicBezTo>
                <a:cubicBezTo>
                  <a:pt x="1733" y="464"/>
                  <a:pt x="1733" y="464"/>
                  <a:pt x="1733" y="464"/>
                </a:cubicBezTo>
                <a:cubicBezTo>
                  <a:pt x="1733" y="470"/>
                  <a:pt x="1733" y="464"/>
                  <a:pt x="1733" y="470"/>
                </a:cubicBezTo>
                <a:cubicBezTo>
                  <a:pt x="1739" y="477"/>
                  <a:pt x="1739" y="483"/>
                  <a:pt x="1739" y="483"/>
                </a:cubicBezTo>
                <a:cubicBezTo>
                  <a:pt x="1739" y="483"/>
                  <a:pt x="1739" y="483"/>
                  <a:pt x="1739" y="483"/>
                </a:cubicBezTo>
                <a:cubicBezTo>
                  <a:pt x="1739" y="489"/>
                  <a:pt x="1739" y="489"/>
                  <a:pt x="1739" y="477"/>
                </a:cubicBezTo>
                <a:cubicBezTo>
                  <a:pt x="1739" y="477"/>
                  <a:pt x="1739" y="477"/>
                  <a:pt x="1739" y="477"/>
                </a:cubicBezTo>
                <a:cubicBezTo>
                  <a:pt x="1739" y="477"/>
                  <a:pt x="1739" y="477"/>
                  <a:pt x="1739" y="502"/>
                </a:cubicBezTo>
                <a:cubicBezTo>
                  <a:pt x="1739" y="502"/>
                  <a:pt x="1739" y="502"/>
                  <a:pt x="1739" y="508"/>
                </a:cubicBezTo>
                <a:cubicBezTo>
                  <a:pt x="1739" y="534"/>
                  <a:pt x="1739" y="540"/>
                  <a:pt x="1739" y="553"/>
                </a:cubicBezTo>
                <a:cubicBezTo>
                  <a:pt x="1733" y="572"/>
                  <a:pt x="1733" y="572"/>
                  <a:pt x="1733" y="572"/>
                </a:cubicBezTo>
                <a:cubicBezTo>
                  <a:pt x="1733" y="584"/>
                  <a:pt x="1733" y="597"/>
                  <a:pt x="1726" y="604"/>
                </a:cubicBezTo>
                <a:cubicBezTo>
                  <a:pt x="1726" y="623"/>
                  <a:pt x="1726" y="635"/>
                  <a:pt x="1720" y="648"/>
                </a:cubicBezTo>
                <a:cubicBezTo>
                  <a:pt x="1720" y="648"/>
                  <a:pt x="1720" y="642"/>
                  <a:pt x="1720" y="654"/>
                </a:cubicBezTo>
                <a:cubicBezTo>
                  <a:pt x="1714" y="661"/>
                  <a:pt x="1714" y="661"/>
                  <a:pt x="1714" y="661"/>
                </a:cubicBezTo>
                <a:cubicBezTo>
                  <a:pt x="1701" y="699"/>
                  <a:pt x="1689" y="730"/>
                  <a:pt x="1651" y="775"/>
                </a:cubicBezTo>
                <a:cubicBezTo>
                  <a:pt x="1651" y="769"/>
                  <a:pt x="1664" y="762"/>
                  <a:pt x="1670" y="750"/>
                </a:cubicBezTo>
                <a:close/>
                <a:moveTo>
                  <a:pt x="1733" y="464"/>
                </a:moveTo>
                <a:cubicBezTo>
                  <a:pt x="1733" y="464"/>
                  <a:pt x="1733" y="464"/>
                  <a:pt x="1733" y="458"/>
                </a:cubicBezTo>
                <a:cubicBezTo>
                  <a:pt x="1733" y="464"/>
                  <a:pt x="1733" y="464"/>
                  <a:pt x="1733" y="464"/>
                </a:cubicBezTo>
                <a:cubicBezTo>
                  <a:pt x="1733" y="464"/>
                  <a:pt x="1733" y="464"/>
                  <a:pt x="1733" y="464"/>
                </a:cubicBezTo>
                <a:close/>
                <a:moveTo>
                  <a:pt x="998" y="1086"/>
                </a:moveTo>
                <a:cubicBezTo>
                  <a:pt x="1017" y="1086"/>
                  <a:pt x="1017" y="1086"/>
                  <a:pt x="1017" y="1086"/>
                </a:cubicBezTo>
                <a:cubicBezTo>
                  <a:pt x="1011" y="1086"/>
                  <a:pt x="1011" y="1086"/>
                  <a:pt x="998" y="1086"/>
                </a:cubicBezTo>
                <a:close/>
                <a:moveTo>
                  <a:pt x="1733" y="464"/>
                </a:moveTo>
                <a:cubicBezTo>
                  <a:pt x="1733" y="458"/>
                  <a:pt x="1733" y="458"/>
                  <a:pt x="1733" y="458"/>
                </a:cubicBezTo>
                <a:cubicBezTo>
                  <a:pt x="1733" y="458"/>
                  <a:pt x="1733" y="458"/>
                  <a:pt x="1733" y="464"/>
                </a:cubicBezTo>
                <a:close/>
                <a:moveTo>
                  <a:pt x="603" y="1124"/>
                </a:moveTo>
                <a:cubicBezTo>
                  <a:pt x="590" y="1124"/>
                  <a:pt x="584" y="1124"/>
                  <a:pt x="578" y="1124"/>
                </a:cubicBezTo>
                <a:cubicBezTo>
                  <a:pt x="578" y="1124"/>
                  <a:pt x="590" y="1124"/>
                  <a:pt x="603" y="1124"/>
                </a:cubicBezTo>
                <a:close/>
                <a:moveTo>
                  <a:pt x="1011" y="1086"/>
                </a:moveTo>
                <a:cubicBezTo>
                  <a:pt x="1011" y="1086"/>
                  <a:pt x="1011" y="1086"/>
                  <a:pt x="998" y="1086"/>
                </a:cubicBezTo>
                <a:cubicBezTo>
                  <a:pt x="998" y="1086"/>
                  <a:pt x="998" y="1086"/>
                  <a:pt x="998" y="1086"/>
                </a:cubicBezTo>
                <a:cubicBezTo>
                  <a:pt x="1011" y="1086"/>
                  <a:pt x="1011" y="1086"/>
                  <a:pt x="1011" y="1086"/>
                </a:cubicBezTo>
                <a:close/>
                <a:moveTo>
                  <a:pt x="1030" y="1080"/>
                </a:moveTo>
                <a:cubicBezTo>
                  <a:pt x="1023" y="1080"/>
                  <a:pt x="1017" y="1086"/>
                  <a:pt x="1011" y="1086"/>
                </a:cubicBezTo>
                <a:cubicBezTo>
                  <a:pt x="1017" y="1086"/>
                  <a:pt x="1023" y="1080"/>
                  <a:pt x="1030" y="1080"/>
                </a:cubicBezTo>
                <a:cubicBezTo>
                  <a:pt x="1030" y="1080"/>
                  <a:pt x="1030" y="1080"/>
                  <a:pt x="1030" y="1080"/>
                </a:cubicBezTo>
                <a:close/>
                <a:moveTo>
                  <a:pt x="1325" y="991"/>
                </a:moveTo>
                <a:cubicBezTo>
                  <a:pt x="1325" y="991"/>
                  <a:pt x="1331" y="991"/>
                  <a:pt x="1337" y="991"/>
                </a:cubicBezTo>
                <a:cubicBezTo>
                  <a:pt x="1337" y="991"/>
                  <a:pt x="1331" y="991"/>
                  <a:pt x="1325" y="991"/>
                </a:cubicBezTo>
                <a:close/>
                <a:moveTo>
                  <a:pt x="1538" y="883"/>
                </a:moveTo>
                <a:cubicBezTo>
                  <a:pt x="1538" y="883"/>
                  <a:pt x="1538" y="883"/>
                  <a:pt x="1538" y="883"/>
                </a:cubicBezTo>
                <a:cubicBezTo>
                  <a:pt x="1544" y="883"/>
                  <a:pt x="1544" y="883"/>
                  <a:pt x="1544" y="883"/>
                </a:cubicBezTo>
                <a:cubicBezTo>
                  <a:pt x="1544" y="876"/>
                  <a:pt x="1544" y="876"/>
                  <a:pt x="1551" y="876"/>
                </a:cubicBezTo>
                <a:cubicBezTo>
                  <a:pt x="1551" y="870"/>
                  <a:pt x="1551" y="870"/>
                  <a:pt x="1551" y="870"/>
                </a:cubicBezTo>
                <a:cubicBezTo>
                  <a:pt x="1551" y="870"/>
                  <a:pt x="1551" y="870"/>
                  <a:pt x="1551" y="870"/>
                </a:cubicBezTo>
                <a:cubicBezTo>
                  <a:pt x="1557" y="870"/>
                  <a:pt x="1557" y="870"/>
                  <a:pt x="1557" y="870"/>
                </a:cubicBezTo>
                <a:cubicBezTo>
                  <a:pt x="1551" y="870"/>
                  <a:pt x="1551" y="870"/>
                  <a:pt x="1551" y="870"/>
                </a:cubicBezTo>
                <a:cubicBezTo>
                  <a:pt x="1544" y="876"/>
                  <a:pt x="1544" y="876"/>
                  <a:pt x="1525" y="889"/>
                </a:cubicBezTo>
                <a:cubicBezTo>
                  <a:pt x="1525" y="896"/>
                  <a:pt x="1525" y="896"/>
                  <a:pt x="1525" y="896"/>
                </a:cubicBezTo>
                <a:cubicBezTo>
                  <a:pt x="1532" y="889"/>
                  <a:pt x="1538" y="883"/>
                  <a:pt x="1538" y="883"/>
                </a:cubicBezTo>
                <a:cubicBezTo>
                  <a:pt x="1538" y="883"/>
                  <a:pt x="1538" y="883"/>
                  <a:pt x="1538" y="883"/>
                </a:cubicBezTo>
                <a:close/>
                <a:moveTo>
                  <a:pt x="998" y="1086"/>
                </a:moveTo>
                <a:cubicBezTo>
                  <a:pt x="998" y="1086"/>
                  <a:pt x="998" y="1086"/>
                  <a:pt x="998" y="1086"/>
                </a:cubicBezTo>
                <a:cubicBezTo>
                  <a:pt x="998" y="1086"/>
                  <a:pt x="998" y="1086"/>
                  <a:pt x="992" y="1086"/>
                </a:cubicBezTo>
                <a:cubicBezTo>
                  <a:pt x="998" y="1086"/>
                  <a:pt x="998" y="1086"/>
                  <a:pt x="998" y="1086"/>
                </a:cubicBezTo>
                <a:close/>
                <a:moveTo>
                  <a:pt x="615" y="1124"/>
                </a:moveTo>
                <a:cubicBezTo>
                  <a:pt x="628" y="1124"/>
                  <a:pt x="622" y="1124"/>
                  <a:pt x="641" y="1124"/>
                </a:cubicBezTo>
                <a:cubicBezTo>
                  <a:pt x="641" y="1124"/>
                  <a:pt x="641" y="1124"/>
                  <a:pt x="641" y="1124"/>
                </a:cubicBezTo>
                <a:cubicBezTo>
                  <a:pt x="641" y="1124"/>
                  <a:pt x="641" y="1124"/>
                  <a:pt x="641" y="1124"/>
                </a:cubicBezTo>
                <a:cubicBezTo>
                  <a:pt x="641" y="1124"/>
                  <a:pt x="647" y="1124"/>
                  <a:pt x="653" y="1124"/>
                </a:cubicBezTo>
                <a:cubicBezTo>
                  <a:pt x="653" y="1124"/>
                  <a:pt x="653" y="1124"/>
                  <a:pt x="653" y="1124"/>
                </a:cubicBezTo>
                <a:cubicBezTo>
                  <a:pt x="634" y="1124"/>
                  <a:pt x="615" y="1124"/>
                  <a:pt x="603" y="1124"/>
                </a:cubicBezTo>
                <a:cubicBezTo>
                  <a:pt x="609" y="1124"/>
                  <a:pt x="609" y="1124"/>
                  <a:pt x="615" y="1124"/>
                </a:cubicBezTo>
                <a:close/>
                <a:moveTo>
                  <a:pt x="1701" y="692"/>
                </a:moveTo>
                <a:cubicBezTo>
                  <a:pt x="1701" y="699"/>
                  <a:pt x="1701" y="699"/>
                  <a:pt x="1701" y="699"/>
                </a:cubicBezTo>
                <a:cubicBezTo>
                  <a:pt x="1701" y="692"/>
                  <a:pt x="1701" y="692"/>
                  <a:pt x="1701" y="692"/>
                </a:cubicBezTo>
                <a:close/>
                <a:moveTo>
                  <a:pt x="873" y="1105"/>
                </a:moveTo>
                <a:cubicBezTo>
                  <a:pt x="879" y="1105"/>
                  <a:pt x="879" y="1105"/>
                  <a:pt x="879" y="1105"/>
                </a:cubicBezTo>
                <a:cubicBezTo>
                  <a:pt x="904" y="1099"/>
                  <a:pt x="923" y="1099"/>
                  <a:pt x="936" y="1099"/>
                </a:cubicBezTo>
                <a:cubicBezTo>
                  <a:pt x="942" y="1099"/>
                  <a:pt x="942" y="1099"/>
                  <a:pt x="942" y="1099"/>
                </a:cubicBezTo>
                <a:cubicBezTo>
                  <a:pt x="942" y="1099"/>
                  <a:pt x="942" y="1099"/>
                  <a:pt x="942" y="1092"/>
                </a:cubicBezTo>
                <a:cubicBezTo>
                  <a:pt x="942" y="1099"/>
                  <a:pt x="936" y="1099"/>
                  <a:pt x="936" y="1099"/>
                </a:cubicBezTo>
                <a:cubicBezTo>
                  <a:pt x="910" y="1099"/>
                  <a:pt x="885" y="1105"/>
                  <a:pt x="873" y="1105"/>
                </a:cubicBezTo>
                <a:close/>
                <a:moveTo>
                  <a:pt x="992" y="1086"/>
                </a:moveTo>
                <a:cubicBezTo>
                  <a:pt x="986" y="1086"/>
                  <a:pt x="986" y="1092"/>
                  <a:pt x="986" y="1092"/>
                </a:cubicBezTo>
                <a:cubicBezTo>
                  <a:pt x="986" y="1086"/>
                  <a:pt x="992" y="1086"/>
                  <a:pt x="992" y="1086"/>
                </a:cubicBezTo>
                <a:close/>
                <a:moveTo>
                  <a:pt x="1168" y="1048"/>
                </a:moveTo>
                <a:cubicBezTo>
                  <a:pt x="1180" y="1048"/>
                  <a:pt x="1168" y="1048"/>
                  <a:pt x="1193" y="1042"/>
                </a:cubicBezTo>
                <a:cubicBezTo>
                  <a:pt x="1193" y="1042"/>
                  <a:pt x="1193" y="1042"/>
                  <a:pt x="1168" y="1048"/>
                </a:cubicBezTo>
                <a:close/>
                <a:moveTo>
                  <a:pt x="1664" y="286"/>
                </a:moveTo>
                <a:cubicBezTo>
                  <a:pt x="1664" y="286"/>
                  <a:pt x="1664" y="286"/>
                  <a:pt x="1664" y="286"/>
                </a:cubicBezTo>
                <a:close/>
                <a:moveTo>
                  <a:pt x="1664" y="286"/>
                </a:moveTo>
                <a:cubicBezTo>
                  <a:pt x="1664" y="286"/>
                  <a:pt x="1664" y="286"/>
                  <a:pt x="1664" y="286"/>
                </a:cubicBezTo>
                <a:cubicBezTo>
                  <a:pt x="1664" y="286"/>
                  <a:pt x="1664" y="286"/>
                  <a:pt x="1664" y="286"/>
                </a:cubicBezTo>
                <a:cubicBezTo>
                  <a:pt x="1664" y="286"/>
                  <a:pt x="1664" y="286"/>
                  <a:pt x="1664" y="286"/>
                </a:cubicBezTo>
                <a:close/>
                <a:moveTo>
                  <a:pt x="258" y="502"/>
                </a:moveTo>
                <a:cubicBezTo>
                  <a:pt x="258" y="502"/>
                  <a:pt x="258" y="502"/>
                  <a:pt x="264" y="502"/>
                </a:cubicBezTo>
                <a:cubicBezTo>
                  <a:pt x="264" y="496"/>
                  <a:pt x="264" y="496"/>
                  <a:pt x="270" y="496"/>
                </a:cubicBezTo>
                <a:cubicBezTo>
                  <a:pt x="264" y="502"/>
                  <a:pt x="258" y="502"/>
                  <a:pt x="258" y="502"/>
                </a:cubicBezTo>
                <a:cubicBezTo>
                  <a:pt x="258" y="502"/>
                  <a:pt x="258" y="502"/>
                  <a:pt x="258" y="502"/>
                </a:cubicBezTo>
                <a:cubicBezTo>
                  <a:pt x="251" y="508"/>
                  <a:pt x="251" y="508"/>
                  <a:pt x="251" y="508"/>
                </a:cubicBezTo>
                <a:cubicBezTo>
                  <a:pt x="239" y="515"/>
                  <a:pt x="226" y="527"/>
                  <a:pt x="226" y="534"/>
                </a:cubicBezTo>
                <a:cubicBezTo>
                  <a:pt x="214" y="540"/>
                  <a:pt x="226" y="534"/>
                  <a:pt x="226" y="534"/>
                </a:cubicBezTo>
                <a:cubicBezTo>
                  <a:pt x="226" y="534"/>
                  <a:pt x="226" y="534"/>
                  <a:pt x="208" y="546"/>
                </a:cubicBezTo>
                <a:cubicBezTo>
                  <a:pt x="208" y="546"/>
                  <a:pt x="208" y="546"/>
                  <a:pt x="195" y="553"/>
                </a:cubicBezTo>
                <a:cubicBezTo>
                  <a:pt x="176" y="572"/>
                  <a:pt x="120" y="642"/>
                  <a:pt x="95" y="673"/>
                </a:cubicBezTo>
                <a:cubicBezTo>
                  <a:pt x="95" y="680"/>
                  <a:pt x="88" y="692"/>
                  <a:pt x="82" y="699"/>
                </a:cubicBezTo>
                <a:cubicBezTo>
                  <a:pt x="88" y="686"/>
                  <a:pt x="95" y="673"/>
                  <a:pt x="107" y="661"/>
                </a:cubicBezTo>
                <a:cubicBezTo>
                  <a:pt x="120" y="642"/>
                  <a:pt x="132" y="629"/>
                  <a:pt x="145" y="610"/>
                </a:cubicBezTo>
                <a:cubicBezTo>
                  <a:pt x="145" y="610"/>
                  <a:pt x="145" y="610"/>
                  <a:pt x="139" y="629"/>
                </a:cubicBezTo>
                <a:cubicBezTo>
                  <a:pt x="176" y="572"/>
                  <a:pt x="208" y="540"/>
                  <a:pt x="308" y="470"/>
                </a:cubicBezTo>
                <a:cubicBezTo>
                  <a:pt x="295" y="477"/>
                  <a:pt x="277" y="489"/>
                  <a:pt x="258" y="502"/>
                </a:cubicBezTo>
                <a:close/>
                <a:moveTo>
                  <a:pt x="195" y="1029"/>
                </a:moveTo>
                <a:cubicBezTo>
                  <a:pt x="195" y="1029"/>
                  <a:pt x="195" y="1029"/>
                  <a:pt x="195" y="1029"/>
                </a:cubicBezTo>
                <a:cubicBezTo>
                  <a:pt x="195" y="1029"/>
                  <a:pt x="195" y="1029"/>
                  <a:pt x="195" y="1029"/>
                </a:cubicBezTo>
                <a:close/>
                <a:moveTo>
                  <a:pt x="189" y="1022"/>
                </a:moveTo>
                <a:cubicBezTo>
                  <a:pt x="189" y="1022"/>
                  <a:pt x="189" y="1022"/>
                  <a:pt x="189" y="1022"/>
                </a:cubicBezTo>
                <a:cubicBezTo>
                  <a:pt x="195" y="1029"/>
                  <a:pt x="195" y="1029"/>
                  <a:pt x="195" y="1029"/>
                </a:cubicBezTo>
                <a:cubicBezTo>
                  <a:pt x="189" y="1029"/>
                  <a:pt x="189" y="1029"/>
                  <a:pt x="189" y="1029"/>
                </a:cubicBezTo>
                <a:cubicBezTo>
                  <a:pt x="182" y="1022"/>
                  <a:pt x="182" y="1022"/>
                  <a:pt x="182" y="1022"/>
                </a:cubicBezTo>
                <a:cubicBezTo>
                  <a:pt x="189" y="1022"/>
                  <a:pt x="189" y="1022"/>
                  <a:pt x="189" y="1022"/>
                </a:cubicBezTo>
                <a:cubicBezTo>
                  <a:pt x="189" y="1022"/>
                  <a:pt x="189" y="1022"/>
                  <a:pt x="189" y="1022"/>
                </a:cubicBezTo>
                <a:close/>
                <a:moveTo>
                  <a:pt x="390" y="1092"/>
                </a:moveTo>
                <a:cubicBezTo>
                  <a:pt x="371" y="1086"/>
                  <a:pt x="358" y="1080"/>
                  <a:pt x="346" y="1080"/>
                </a:cubicBezTo>
                <a:cubicBezTo>
                  <a:pt x="358" y="1086"/>
                  <a:pt x="371" y="1086"/>
                  <a:pt x="390" y="1092"/>
                </a:cubicBezTo>
                <a:close/>
                <a:moveTo>
                  <a:pt x="553" y="1111"/>
                </a:moveTo>
                <a:cubicBezTo>
                  <a:pt x="546" y="1111"/>
                  <a:pt x="546" y="1111"/>
                  <a:pt x="546" y="1111"/>
                </a:cubicBezTo>
                <a:cubicBezTo>
                  <a:pt x="553" y="1111"/>
                  <a:pt x="553" y="1111"/>
                  <a:pt x="553" y="1111"/>
                </a:cubicBezTo>
                <a:cubicBezTo>
                  <a:pt x="553" y="1111"/>
                  <a:pt x="553" y="1111"/>
                  <a:pt x="553" y="1111"/>
                </a:cubicBezTo>
                <a:cubicBezTo>
                  <a:pt x="553" y="1111"/>
                  <a:pt x="553" y="1111"/>
                  <a:pt x="553" y="1111"/>
                </a:cubicBezTo>
                <a:close/>
                <a:moveTo>
                  <a:pt x="553" y="1111"/>
                </a:moveTo>
                <a:cubicBezTo>
                  <a:pt x="565" y="1111"/>
                  <a:pt x="565" y="1111"/>
                  <a:pt x="553" y="1111"/>
                </a:cubicBezTo>
                <a:cubicBezTo>
                  <a:pt x="565" y="1111"/>
                  <a:pt x="565" y="1111"/>
                  <a:pt x="572" y="1111"/>
                </a:cubicBezTo>
                <a:cubicBezTo>
                  <a:pt x="572" y="1111"/>
                  <a:pt x="572" y="1111"/>
                  <a:pt x="572" y="1111"/>
                </a:cubicBezTo>
                <a:cubicBezTo>
                  <a:pt x="565" y="1111"/>
                  <a:pt x="553" y="1111"/>
                  <a:pt x="553" y="1111"/>
                </a:cubicBezTo>
                <a:cubicBezTo>
                  <a:pt x="553" y="1111"/>
                  <a:pt x="553" y="1111"/>
                  <a:pt x="553" y="1111"/>
                </a:cubicBezTo>
                <a:close/>
                <a:moveTo>
                  <a:pt x="546" y="1111"/>
                </a:moveTo>
                <a:cubicBezTo>
                  <a:pt x="546" y="1111"/>
                  <a:pt x="546" y="1111"/>
                  <a:pt x="546" y="1111"/>
                </a:cubicBezTo>
                <a:cubicBezTo>
                  <a:pt x="540" y="1111"/>
                  <a:pt x="540" y="1111"/>
                  <a:pt x="540" y="1111"/>
                </a:cubicBezTo>
                <a:cubicBezTo>
                  <a:pt x="546" y="1111"/>
                  <a:pt x="546" y="1111"/>
                  <a:pt x="546" y="1111"/>
                </a:cubicBezTo>
                <a:close/>
                <a:moveTo>
                  <a:pt x="540" y="1111"/>
                </a:moveTo>
                <a:cubicBezTo>
                  <a:pt x="534" y="1111"/>
                  <a:pt x="534" y="1111"/>
                  <a:pt x="521" y="1111"/>
                </a:cubicBezTo>
                <a:cubicBezTo>
                  <a:pt x="528" y="1111"/>
                  <a:pt x="534" y="1111"/>
                  <a:pt x="540" y="1111"/>
                </a:cubicBezTo>
                <a:close/>
                <a:moveTo>
                  <a:pt x="597" y="1111"/>
                </a:moveTo>
                <a:cubicBezTo>
                  <a:pt x="590" y="1111"/>
                  <a:pt x="584" y="1111"/>
                  <a:pt x="584" y="1111"/>
                </a:cubicBezTo>
                <a:cubicBezTo>
                  <a:pt x="584" y="1111"/>
                  <a:pt x="584" y="1111"/>
                  <a:pt x="584" y="1111"/>
                </a:cubicBezTo>
                <a:cubicBezTo>
                  <a:pt x="584" y="1111"/>
                  <a:pt x="590" y="1111"/>
                  <a:pt x="597" y="1111"/>
                </a:cubicBezTo>
                <a:close/>
                <a:moveTo>
                  <a:pt x="553" y="1111"/>
                </a:moveTo>
                <a:cubicBezTo>
                  <a:pt x="553" y="1111"/>
                  <a:pt x="553" y="1111"/>
                  <a:pt x="553" y="1111"/>
                </a:cubicBezTo>
                <a:cubicBezTo>
                  <a:pt x="553" y="1111"/>
                  <a:pt x="553" y="1111"/>
                  <a:pt x="553" y="1111"/>
                </a:cubicBezTo>
                <a:cubicBezTo>
                  <a:pt x="553" y="1111"/>
                  <a:pt x="553" y="1111"/>
                  <a:pt x="553" y="1111"/>
                </a:cubicBezTo>
                <a:close/>
                <a:moveTo>
                  <a:pt x="565" y="1111"/>
                </a:moveTo>
                <a:cubicBezTo>
                  <a:pt x="565" y="1111"/>
                  <a:pt x="565" y="1111"/>
                  <a:pt x="572" y="1111"/>
                </a:cubicBezTo>
                <a:cubicBezTo>
                  <a:pt x="572" y="1111"/>
                  <a:pt x="572" y="1111"/>
                  <a:pt x="578" y="1111"/>
                </a:cubicBezTo>
                <a:cubicBezTo>
                  <a:pt x="572" y="1111"/>
                  <a:pt x="572" y="1111"/>
                  <a:pt x="565" y="1111"/>
                </a:cubicBezTo>
                <a:close/>
                <a:moveTo>
                  <a:pt x="1682" y="299"/>
                </a:moveTo>
                <a:cubicBezTo>
                  <a:pt x="1670" y="292"/>
                  <a:pt x="1670" y="292"/>
                  <a:pt x="1670" y="292"/>
                </a:cubicBezTo>
                <a:cubicBezTo>
                  <a:pt x="1682" y="299"/>
                  <a:pt x="1670" y="292"/>
                  <a:pt x="1682" y="299"/>
                </a:cubicBezTo>
                <a:close/>
                <a:moveTo>
                  <a:pt x="120" y="972"/>
                </a:moveTo>
                <a:cubicBezTo>
                  <a:pt x="107" y="965"/>
                  <a:pt x="107" y="965"/>
                  <a:pt x="101" y="959"/>
                </a:cubicBezTo>
                <a:cubicBezTo>
                  <a:pt x="107" y="965"/>
                  <a:pt x="107" y="965"/>
                  <a:pt x="120" y="972"/>
                </a:cubicBezTo>
                <a:close/>
                <a:moveTo>
                  <a:pt x="251" y="496"/>
                </a:moveTo>
                <a:cubicBezTo>
                  <a:pt x="251" y="502"/>
                  <a:pt x="251" y="502"/>
                  <a:pt x="251" y="502"/>
                </a:cubicBezTo>
                <a:cubicBezTo>
                  <a:pt x="251" y="496"/>
                  <a:pt x="251" y="496"/>
                  <a:pt x="251" y="496"/>
                </a:cubicBezTo>
                <a:cubicBezTo>
                  <a:pt x="251" y="496"/>
                  <a:pt x="251" y="496"/>
                  <a:pt x="251" y="496"/>
                </a:cubicBezTo>
                <a:close/>
                <a:moveTo>
                  <a:pt x="321" y="451"/>
                </a:moveTo>
                <a:cubicBezTo>
                  <a:pt x="308" y="464"/>
                  <a:pt x="283" y="477"/>
                  <a:pt x="258" y="496"/>
                </a:cubicBezTo>
                <a:cubicBezTo>
                  <a:pt x="283" y="477"/>
                  <a:pt x="302" y="464"/>
                  <a:pt x="321" y="451"/>
                </a:cubicBezTo>
                <a:close/>
                <a:moveTo>
                  <a:pt x="76" y="927"/>
                </a:moveTo>
                <a:cubicBezTo>
                  <a:pt x="76" y="921"/>
                  <a:pt x="70" y="921"/>
                  <a:pt x="70" y="921"/>
                </a:cubicBezTo>
                <a:cubicBezTo>
                  <a:pt x="70" y="921"/>
                  <a:pt x="76" y="921"/>
                  <a:pt x="76" y="927"/>
                </a:cubicBezTo>
                <a:cubicBezTo>
                  <a:pt x="76" y="927"/>
                  <a:pt x="76" y="927"/>
                  <a:pt x="76" y="927"/>
                </a:cubicBezTo>
                <a:close/>
                <a:moveTo>
                  <a:pt x="264" y="489"/>
                </a:moveTo>
                <a:cubicBezTo>
                  <a:pt x="264" y="496"/>
                  <a:pt x="258" y="496"/>
                  <a:pt x="251" y="496"/>
                </a:cubicBezTo>
                <a:cubicBezTo>
                  <a:pt x="264" y="489"/>
                  <a:pt x="264" y="489"/>
                  <a:pt x="264" y="489"/>
                </a:cubicBezTo>
                <a:close/>
                <a:moveTo>
                  <a:pt x="572" y="1124"/>
                </a:moveTo>
                <a:cubicBezTo>
                  <a:pt x="578" y="1124"/>
                  <a:pt x="578" y="1124"/>
                  <a:pt x="578" y="1124"/>
                </a:cubicBezTo>
                <a:cubicBezTo>
                  <a:pt x="578" y="1124"/>
                  <a:pt x="578" y="1124"/>
                  <a:pt x="572" y="1124"/>
                </a:cubicBezTo>
                <a:close/>
                <a:moveTo>
                  <a:pt x="1023" y="235"/>
                </a:moveTo>
                <a:cubicBezTo>
                  <a:pt x="1023" y="235"/>
                  <a:pt x="1023" y="235"/>
                  <a:pt x="992" y="235"/>
                </a:cubicBezTo>
                <a:cubicBezTo>
                  <a:pt x="998" y="235"/>
                  <a:pt x="1017" y="235"/>
                  <a:pt x="1023" y="235"/>
                </a:cubicBezTo>
                <a:cubicBezTo>
                  <a:pt x="1023" y="235"/>
                  <a:pt x="1023" y="235"/>
                  <a:pt x="1023" y="235"/>
                </a:cubicBezTo>
                <a:close/>
                <a:moveTo>
                  <a:pt x="1048" y="235"/>
                </a:moveTo>
                <a:cubicBezTo>
                  <a:pt x="1042" y="235"/>
                  <a:pt x="1030" y="235"/>
                  <a:pt x="1023" y="235"/>
                </a:cubicBezTo>
                <a:cubicBezTo>
                  <a:pt x="1036" y="235"/>
                  <a:pt x="1023" y="235"/>
                  <a:pt x="1042" y="235"/>
                </a:cubicBezTo>
                <a:cubicBezTo>
                  <a:pt x="1048" y="235"/>
                  <a:pt x="1048" y="235"/>
                  <a:pt x="1048" y="235"/>
                </a:cubicBezTo>
                <a:close/>
                <a:moveTo>
                  <a:pt x="503" y="1105"/>
                </a:moveTo>
                <a:cubicBezTo>
                  <a:pt x="496" y="1105"/>
                  <a:pt x="496" y="1105"/>
                  <a:pt x="496" y="1105"/>
                </a:cubicBezTo>
                <a:cubicBezTo>
                  <a:pt x="515" y="1111"/>
                  <a:pt x="503" y="1105"/>
                  <a:pt x="503" y="1105"/>
                </a:cubicBezTo>
                <a:close/>
                <a:moveTo>
                  <a:pt x="779" y="267"/>
                </a:moveTo>
                <a:cubicBezTo>
                  <a:pt x="779" y="267"/>
                  <a:pt x="779" y="267"/>
                  <a:pt x="779" y="267"/>
                </a:cubicBezTo>
                <a:cubicBezTo>
                  <a:pt x="779" y="267"/>
                  <a:pt x="779" y="267"/>
                  <a:pt x="779" y="267"/>
                </a:cubicBezTo>
                <a:cubicBezTo>
                  <a:pt x="791" y="267"/>
                  <a:pt x="797" y="267"/>
                  <a:pt x="810" y="261"/>
                </a:cubicBezTo>
                <a:cubicBezTo>
                  <a:pt x="829" y="261"/>
                  <a:pt x="848" y="254"/>
                  <a:pt x="867" y="254"/>
                </a:cubicBezTo>
                <a:cubicBezTo>
                  <a:pt x="873" y="254"/>
                  <a:pt x="873" y="254"/>
                  <a:pt x="873" y="254"/>
                </a:cubicBezTo>
                <a:cubicBezTo>
                  <a:pt x="873" y="248"/>
                  <a:pt x="873" y="248"/>
                  <a:pt x="873" y="248"/>
                </a:cubicBezTo>
                <a:cubicBezTo>
                  <a:pt x="885" y="248"/>
                  <a:pt x="885" y="248"/>
                  <a:pt x="885" y="248"/>
                </a:cubicBezTo>
                <a:cubicBezTo>
                  <a:pt x="885" y="248"/>
                  <a:pt x="885" y="248"/>
                  <a:pt x="854" y="254"/>
                </a:cubicBezTo>
                <a:cubicBezTo>
                  <a:pt x="835" y="254"/>
                  <a:pt x="816" y="261"/>
                  <a:pt x="791" y="267"/>
                </a:cubicBezTo>
                <a:cubicBezTo>
                  <a:pt x="791" y="267"/>
                  <a:pt x="791" y="267"/>
                  <a:pt x="791" y="267"/>
                </a:cubicBezTo>
                <a:cubicBezTo>
                  <a:pt x="760" y="273"/>
                  <a:pt x="760" y="273"/>
                  <a:pt x="760" y="273"/>
                </a:cubicBezTo>
                <a:cubicBezTo>
                  <a:pt x="766" y="273"/>
                  <a:pt x="766" y="273"/>
                  <a:pt x="766" y="273"/>
                </a:cubicBezTo>
                <a:cubicBezTo>
                  <a:pt x="747" y="273"/>
                  <a:pt x="722" y="280"/>
                  <a:pt x="703" y="286"/>
                </a:cubicBezTo>
                <a:cubicBezTo>
                  <a:pt x="703" y="286"/>
                  <a:pt x="710" y="286"/>
                  <a:pt x="747" y="273"/>
                </a:cubicBezTo>
                <a:cubicBezTo>
                  <a:pt x="747" y="280"/>
                  <a:pt x="741" y="280"/>
                  <a:pt x="741" y="280"/>
                </a:cubicBezTo>
                <a:cubicBezTo>
                  <a:pt x="754" y="273"/>
                  <a:pt x="760" y="273"/>
                  <a:pt x="779" y="267"/>
                </a:cubicBezTo>
                <a:close/>
                <a:moveTo>
                  <a:pt x="239" y="515"/>
                </a:moveTo>
                <a:cubicBezTo>
                  <a:pt x="251" y="508"/>
                  <a:pt x="251" y="508"/>
                  <a:pt x="258" y="502"/>
                </a:cubicBezTo>
                <a:cubicBezTo>
                  <a:pt x="251" y="508"/>
                  <a:pt x="251" y="508"/>
                  <a:pt x="226" y="527"/>
                </a:cubicBezTo>
                <a:cubicBezTo>
                  <a:pt x="239" y="515"/>
                  <a:pt x="239" y="515"/>
                  <a:pt x="239" y="515"/>
                </a:cubicBezTo>
                <a:close/>
                <a:moveTo>
                  <a:pt x="214" y="1042"/>
                </a:moveTo>
                <a:cubicBezTo>
                  <a:pt x="239" y="1048"/>
                  <a:pt x="239" y="1048"/>
                  <a:pt x="239" y="1048"/>
                </a:cubicBezTo>
                <a:cubicBezTo>
                  <a:pt x="226" y="1042"/>
                  <a:pt x="239" y="1048"/>
                  <a:pt x="214" y="1042"/>
                </a:cubicBezTo>
                <a:close/>
                <a:moveTo>
                  <a:pt x="1444" y="934"/>
                </a:moveTo>
                <a:cubicBezTo>
                  <a:pt x="1431" y="946"/>
                  <a:pt x="1438" y="940"/>
                  <a:pt x="1431" y="946"/>
                </a:cubicBezTo>
                <a:cubicBezTo>
                  <a:pt x="1444" y="940"/>
                  <a:pt x="1444" y="934"/>
                  <a:pt x="1444" y="934"/>
                </a:cubicBezTo>
                <a:close/>
                <a:moveTo>
                  <a:pt x="433" y="1099"/>
                </a:moveTo>
                <a:cubicBezTo>
                  <a:pt x="433" y="1099"/>
                  <a:pt x="440" y="1099"/>
                  <a:pt x="459" y="1105"/>
                </a:cubicBezTo>
                <a:cubicBezTo>
                  <a:pt x="446" y="1105"/>
                  <a:pt x="440" y="1099"/>
                  <a:pt x="433" y="1099"/>
                </a:cubicBezTo>
                <a:close/>
                <a:moveTo>
                  <a:pt x="509" y="1111"/>
                </a:moveTo>
                <a:cubicBezTo>
                  <a:pt x="496" y="1111"/>
                  <a:pt x="484" y="1105"/>
                  <a:pt x="471" y="1105"/>
                </a:cubicBezTo>
                <a:cubicBezTo>
                  <a:pt x="477" y="1105"/>
                  <a:pt x="477" y="1105"/>
                  <a:pt x="496" y="1105"/>
                </a:cubicBezTo>
                <a:cubicBezTo>
                  <a:pt x="477" y="1105"/>
                  <a:pt x="477" y="1105"/>
                  <a:pt x="477" y="1105"/>
                </a:cubicBezTo>
                <a:cubicBezTo>
                  <a:pt x="477" y="1105"/>
                  <a:pt x="477" y="1105"/>
                  <a:pt x="471" y="1105"/>
                </a:cubicBezTo>
                <a:cubicBezTo>
                  <a:pt x="465" y="1105"/>
                  <a:pt x="465" y="1105"/>
                  <a:pt x="459" y="1105"/>
                </a:cubicBezTo>
                <a:cubicBezTo>
                  <a:pt x="465" y="1105"/>
                  <a:pt x="477" y="1105"/>
                  <a:pt x="484" y="1105"/>
                </a:cubicBezTo>
                <a:cubicBezTo>
                  <a:pt x="503" y="1111"/>
                  <a:pt x="509" y="1111"/>
                  <a:pt x="509" y="1111"/>
                </a:cubicBezTo>
                <a:close/>
                <a:moveTo>
                  <a:pt x="1419" y="953"/>
                </a:moveTo>
                <a:cubicBezTo>
                  <a:pt x="1419" y="953"/>
                  <a:pt x="1419" y="953"/>
                  <a:pt x="1419" y="953"/>
                </a:cubicBezTo>
                <a:cubicBezTo>
                  <a:pt x="1431" y="946"/>
                  <a:pt x="1431" y="946"/>
                  <a:pt x="1431" y="946"/>
                </a:cubicBezTo>
                <a:cubicBezTo>
                  <a:pt x="1419" y="953"/>
                  <a:pt x="1419" y="953"/>
                  <a:pt x="1419" y="953"/>
                </a:cubicBezTo>
                <a:close/>
                <a:moveTo>
                  <a:pt x="270" y="496"/>
                </a:moveTo>
                <a:cubicBezTo>
                  <a:pt x="270" y="496"/>
                  <a:pt x="270" y="496"/>
                  <a:pt x="283" y="483"/>
                </a:cubicBezTo>
                <a:cubicBezTo>
                  <a:pt x="270" y="489"/>
                  <a:pt x="283" y="483"/>
                  <a:pt x="270" y="496"/>
                </a:cubicBezTo>
                <a:close/>
                <a:moveTo>
                  <a:pt x="1513" y="896"/>
                </a:moveTo>
                <a:cubicBezTo>
                  <a:pt x="1513" y="896"/>
                  <a:pt x="1513" y="896"/>
                  <a:pt x="1507" y="896"/>
                </a:cubicBezTo>
                <a:cubicBezTo>
                  <a:pt x="1482" y="921"/>
                  <a:pt x="1482" y="921"/>
                  <a:pt x="1482" y="927"/>
                </a:cubicBezTo>
                <a:cubicBezTo>
                  <a:pt x="1482" y="921"/>
                  <a:pt x="1482" y="921"/>
                  <a:pt x="1488" y="921"/>
                </a:cubicBezTo>
                <a:cubicBezTo>
                  <a:pt x="1488" y="921"/>
                  <a:pt x="1488" y="921"/>
                  <a:pt x="1507" y="902"/>
                </a:cubicBezTo>
                <a:cubicBezTo>
                  <a:pt x="1525" y="889"/>
                  <a:pt x="1532" y="883"/>
                  <a:pt x="1557" y="864"/>
                </a:cubicBezTo>
                <a:cubicBezTo>
                  <a:pt x="1582" y="845"/>
                  <a:pt x="1576" y="857"/>
                  <a:pt x="1582" y="851"/>
                </a:cubicBezTo>
                <a:cubicBezTo>
                  <a:pt x="1532" y="883"/>
                  <a:pt x="1519" y="889"/>
                  <a:pt x="1488" y="908"/>
                </a:cubicBezTo>
                <a:cubicBezTo>
                  <a:pt x="1482" y="921"/>
                  <a:pt x="1482" y="921"/>
                  <a:pt x="1482" y="921"/>
                </a:cubicBezTo>
                <a:cubicBezTo>
                  <a:pt x="1519" y="896"/>
                  <a:pt x="1544" y="876"/>
                  <a:pt x="1551" y="870"/>
                </a:cubicBezTo>
                <a:cubicBezTo>
                  <a:pt x="1551" y="870"/>
                  <a:pt x="1544" y="870"/>
                  <a:pt x="1544" y="876"/>
                </a:cubicBezTo>
                <a:cubicBezTo>
                  <a:pt x="1538" y="883"/>
                  <a:pt x="1532" y="883"/>
                  <a:pt x="1513" y="896"/>
                </a:cubicBezTo>
                <a:cubicBezTo>
                  <a:pt x="1513" y="896"/>
                  <a:pt x="1507" y="902"/>
                  <a:pt x="1513" y="896"/>
                </a:cubicBezTo>
                <a:close/>
                <a:moveTo>
                  <a:pt x="1482" y="927"/>
                </a:moveTo>
                <a:cubicBezTo>
                  <a:pt x="1469" y="934"/>
                  <a:pt x="1469" y="934"/>
                  <a:pt x="1469" y="934"/>
                </a:cubicBezTo>
                <a:cubicBezTo>
                  <a:pt x="1475" y="927"/>
                  <a:pt x="1475" y="927"/>
                  <a:pt x="1482" y="927"/>
                </a:cubicBezTo>
                <a:close/>
                <a:moveTo>
                  <a:pt x="1733" y="470"/>
                </a:moveTo>
                <a:cubicBezTo>
                  <a:pt x="1726" y="458"/>
                  <a:pt x="1726" y="438"/>
                  <a:pt x="1726" y="458"/>
                </a:cubicBezTo>
                <a:cubicBezTo>
                  <a:pt x="1733" y="470"/>
                  <a:pt x="1733" y="470"/>
                  <a:pt x="1733" y="470"/>
                </a:cubicBezTo>
                <a:close/>
                <a:moveTo>
                  <a:pt x="88" y="686"/>
                </a:moveTo>
                <a:cubicBezTo>
                  <a:pt x="88" y="686"/>
                  <a:pt x="88" y="686"/>
                  <a:pt x="76" y="705"/>
                </a:cubicBezTo>
                <a:cubicBezTo>
                  <a:pt x="57" y="750"/>
                  <a:pt x="63" y="743"/>
                  <a:pt x="51" y="775"/>
                </a:cubicBezTo>
                <a:cubicBezTo>
                  <a:pt x="51" y="794"/>
                  <a:pt x="51" y="788"/>
                  <a:pt x="51" y="800"/>
                </a:cubicBezTo>
                <a:cubicBezTo>
                  <a:pt x="57" y="769"/>
                  <a:pt x="57" y="769"/>
                  <a:pt x="70" y="730"/>
                </a:cubicBezTo>
                <a:cubicBezTo>
                  <a:pt x="63" y="743"/>
                  <a:pt x="63" y="750"/>
                  <a:pt x="57" y="762"/>
                </a:cubicBezTo>
                <a:cubicBezTo>
                  <a:pt x="63" y="750"/>
                  <a:pt x="70" y="730"/>
                  <a:pt x="76" y="718"/>
                </a:cubicBezTo>
                <a:cubicBezTo>
                  <a:pt x="82" y="699"/>
                  <a:pt x="82" y="692"/>
                  <a:pt x="88" y="686"/>
                </a:cubicBezTo>
                <a:close/>
                <a:moveTo>
                  <a:pt x="1456" y="934"/>
                </a:moveTo>
                <a:cubicBezTo>
                  <a:pt x="1463" y="934"/>
                  <a:pt x="1469" y="927"/>
                  <a:pt x="1475" y="927"/>
                </a:cubicBezTo>
                <a:cubicBezTo>
                  <a:pt x="1475" y="927"/>
                  <a:pt x="1475" y="927"/>
                  <a:pt x="1475" y="927"/>
                </a:cubicBezTo>
                <a:cubicBezTo>
                  <a:pt x="1475" y="927"/>
                  <a:pt x="1475" y="927"/>
                  <a:pt x="1475" y="927"/>
                </a:cubicBezTo>
                <a:cubicBezTo>
                  <a:pt x="1475" y="921"/>
                  <a:pt x="1475" y="927"/>
                  <a:pt x="1475" y="921"/>
                </a:cubicBezTo>
                <a:cubicBezTo>
                  <a:pt x="1469" y="927"/>
                  <a:pt x="1469" y="927"/>
                  <a:pt x="1469" y="927"/>
                </a:cubicBezTo>
                <a:cubicBezTo>
                  <a:pt x="1463" y="927"/>
                  <a:pt x="1463" y="934"/>
                  <a:pt x="1456" y="934"/>
                </a:cubicBezTo>
                <a:close/>
                <a:moveTo>
                  <a:pt x="1444" y="940"/>
                </a:moveTo>
                <a:cubicBezTo>
                  <a:pt x="1456" y="934"/>
                  <a:pt x="1456" y="934"/>
                  <a:pt x="1456" y="934"/>
                </a:cubicBezTo>
                <a:cubicBezTo>
                  <a:pt x="1438" y="940"/>
                  <a:pt x="1431" y="946"/>
                  <a:pt x="1444" y="940"/>
                </a:cubicBezTo>
                <a:close/>
                <a:moveTo>
                  <a:pt x="1657" y="273"/>
                </a:moveTo>
                <a:cubicBezTo>
                  <a:pt x="1657" y="273"/>
                  <a:pt x="1657" y="273"/>
                  <a:pt x="1657" y="273"/>
                </a:cubicBezTo>
                <a:cubicBezTo>
                  <a:pt x="1657" y="273"/>
                  <a:pt x="1657" y="273"/>
                  <a:pt x="1657" y="273"/>
                </a:cubicBezTo>
                <a:cubicBezTo>
                  <a:pt x="1651" y="267"/>
                  <a:pt x="1651" y="267"/>
                  <a:pt x="1651" y="267"/>
                </a:cubicBezTo>
                <a:cubicBezTo>
                  <a:pt x="1664" y="280"/>
                  <a:pt x="1657" y="273"/>
                  <a:pt x="1664" y="286"/>
                </a:cubicBezTo>
                <a:cubicBezTo>
                  <a:pt x="1664" y="280"/>
                  <a:pt x="1664" y="280"/>
                  <a:pt x="1657" y="273"/>
                </a:cubicBezTo>
                <a:close/>
                <a:moveTo>
                  <a:pt x="1651" y="267"/>
                </a:moveTo>
                <a:cubicBezTo>
                  <a:pt x="1657" y="267"/>
                  <a:pt x="1657" y="273"/>
                  <a:pt x="1657" y="273"/>
                </a:cubicBezTo>
                <a:cubicBezTo>
                  <a:pt x="1657" y="267"/>
                  <a:pt x="1657" y="267"/>
                  <a:pt x="1651" y="267"/>
                </a:cubicBezTo>
                <a:close/>
                <a:moveTo>
                  <a:pt x="214" y="540"/>
                </a:moveTo>
                <a:cubicBezTo>
                  <a:pt x="226" y="527"/>
                  <a:pt x="245" y="515"/>
                  <a:pt x="258" y="502"/>
                </a:cubicBezTo>
                <a:cubicBezTo>
                  <a:pt x="239" y="515"/>
                  <a:pt x="226" y="527"/>
                  <a:pt x="214" y="540"/>
                </a:cubicBezTo>
                <a:close/>
                <a:moveTo>
                  <a:pt x="208" y="540"/>
                </a:moveTo>
                <a:cubicBezTo>
                  <a:pt x="214" y="540"/>
                  <a:pt x="214" y="540"/>
                  <a:pt x="214" y="534"/>
                </a:cubicBezTo>
                <a:cubicBezTo>
                  <a:pt x="208" y="546"/>
                  <a:pt x="201" y="546"/>
                  <a:pt x="208" y="540"/>
                </a:cubicBezTo>
                <a:close/>
                <a:moveTo>
                  <a:pt x="170" y="584"/>
                </a:moveTo>
                <a:cubicBezTo>
                  <a:pt x="176" y="578"/>
                  <a:pt x="176" y="572"/>
                  <a:pt x="182" y="565"/>
                </a:cubicBezTo>
                <a:cubicBezTo>
                  <a:pt x="170" y="578"/>
                  <a:pt x="164" y="584"/>
                  <a:pt x="151" y="597"/>
                </a:cubicBezTo>
                <a:cubicBezTo>
                  <a:pt x="151" y="597"/>
                  <a:pt x="151" y="597"/>
                  <a:pt x="145" y="604"/>
                </a:cubicBezTo>
                <a:cubicBezTo>
                  <a:pt x="151" y="597"/>
                  <a:pt x="157" y="591"/>
                  <a:pt x="170" y="584"/>
                </a:cubicBezTo>
                <a:close/>
                <a:moveTo>
                  <a:pt x="214" y="540"/>
                </a:moveTo>
                <a:cubicBezTo>
                  <a:pt x="208" y="540"/>
                  <a:pt x="208" y="540"/>
                  <a:pt x="208" y="540"/>
                </a:cubicBezTo>
                <a:cubicBezTo>
                  <a:pt x="201" y="546"/>
                  <a:pt x="195" y="553"/>
                  <a:pt x="189" y="559"/>
                </a:cubicBezTo>
                <a:cubicBezTo>
                  <a:pt x="195" y="553"/>
                  <a:pt x="201" y="553"/>
                  <a:pt x="214" y="540"/>
                </a:cubicBezTo>
                <a:close/>
                <a:moveTo>
                  <a:pt x="1695" y="699"/>
                </a:moveTo>
                <a:cubicBezTo>
                  <a:pt x="1701" y="692"/>
                  <a:pt x="1701" y="686"/>
                  <a:pt x="1707" y="673"/>
                </a:cubicBezTo>
                <a:cubicBezTo>
                  <a:pt x="1701" y="686"/>
                  <a:pt x="1695" y="699"/>
                  <a:pt x="1689" y="718"/>
                </a:cubicBezTo>
                <a:cubicBezTo>
                  <a:pt x="1689" y="718"/>
                  <a:pt x="1689" y="724"/>
                  <a:pt x="1695" y="699"/>
                </a:cubicBezTo>
                <a:close/>
                <a:moveTo>
                  <a:pt x="1720" y="388"/>
                </a:moveTo>
                <a:cubicBezTo>
                  <a:pt x="1720" y="400"/>
                  <a:pt x="1720" y="400"/>
                  <a:pt x="1720" y="400"/>
                </a:cubicBezTo>
                <a:cubicBezTo>
                  <a:pt x="1720" y="388"/>
                  <a:pt x="1720" y="388"/>
                  <a:pt x="1720" y="388"/>
                </a:cubicBezTo>
                <a:close/>
                <a:moveTo>
                  <a:pt x="1419" y="953"/>
                </a:moveTo>
                <a:cubicBezTo>
                  <a:pt x="1419" y="953"/>
                  <a:pt x="1419" y="953"/>
                  <a:pt x="1419" y="953"/>
                </a:cubicBezTo>
                <a:cubicBezTo>
                  <a:pt x="1419" y="953"/>
                  <a:pt x="1419" y="953"/>
                  <a:pt x="1419" y="953"/>
                </a:cubicBezTo>
                <a:cubicBezTo>
                  <a:pt x="1412" y="953"/>
                  <a:pt x="1406" y="959"/>
                  <a:pt x="1394" y="965"/>
                </a:cubicBezTo>
                <a:cubicBezTo>
                  <a:pt x="1387" y="965"/>
                  <a:pt x="1381" y="972"/>
                  <a:pt x="1369" y="978"/>
                </a:cubicBezTo>
                <a:cubicBezTo>
                  <a:pt x="1387" y="972"/>
                  <a:pt x="1400" y="959"/>
                  <a:pt x="1412" y="953"/>
                </a:cubicBezTo>
                <a:cubicBezTo>
                  <a:pt x="1406" y="959"/>
                  <a:pt x="1406" y="959"/>
                  <a:pt x="1400" y="965"/>
                </a:cubicBezTo>
                <a:cubicBezTo>
                  <a:pt x="1400" y="965"/>
                  <a:pt x="1400" y="959"/>
                  <a:pt x="1406" y="959"/>
                </a:cubicBezTo>
                <a:cubicBezTo>
                  <a:pt x="1419" y="953"/>
                  <a:pt x="1419" y="953"/>
                  <a:pt x="1419" y="953"/>
                </a:cubicBezTo>
                <a:close/>
                <a:moveTo>
                  <a:pt x="1707" y="356"/>
                </a:moveTo>
                <a:cubicBezTo>
                  <a:pt x="1707" y="350"/>
                  <a:pt x="1707" y="350"/>
                  <a:pt x="1707" y="350"/>
                </a:cubicBezTo>
                <a:cubicBezTo>
                  <a:pt x="1714" y="375"/>
                  <a:pt x="1714" y="375"/>
                  <a:pt x="1714" y="375"/>
                </a:cubicBezTo>
                <a:cubicBezTo>
                  <a:pt x="1714" y="369"/>
                  <a:pt x="1714" y="369"/>
                  <a:pt x="1714" y="369"/>
                </a:cubicBezTo>
                <a:cubicBezTo>
                  <a:pt x="1714" y="369"/>
                  <a:pt x="1714" y="369"/>
                  <a:pt x="1714" y="369"/>
                </a:cubicBezTo>
                <a:cubicBezTo>
                  <a:pt x="1714" y="369"/>
                  <a:pt x="1714" y="369"/>
                  <a:pt x="1714" y="369"/>
                </a:cubicBezTo>
                <a:cubicBezTo>
                  <a:pt x="1714" y="369"/>
                  <a:pt x="1714" y="369"/>
                  <a:pt x="1714" y="369"/>
                </a:cubicBezTo>
                <a:cubicBezTo>
                  <a:pt x="1714" y="362"/>
                  <a:pt x="1714" y="362"/>
                  <a:pt x="1714" y="362"/>
                </a:cubicBezTo>
                <a:cubicBezTo>
                  <a:pt x="1707" y="356"/>
                  <a:pt x="1707" y="356"/>
                  <a:pt x="1707" y="356"/>
                </a:cubicBezTo>
                <a:close/>
                <a:moveTo>
                  <a:pt x="1626" y="800"/>
                </a:moveTo>
                <a:cubicBezTo>
                  <a:pt x="1626" y="800"/>
                  <a:pt x="1626" y="800"/>
                  <a:pt x="1626" y="800"/>
                </a:cubicBezTo>
                <a:cubicBezTo>
                  <a:pt x="1626" y="800"/>
                  <a:pt x="1626" y="800"/>
                  <a:pt x="1626" y="800"/>
                </a:cubicBezTo>
                <a:cubicBezTo>
                  <a:pt x="1626" y="800"/>
                  <a:pt x="1626" y="800"/>
                  <a:pt x="1626" y="800"/>
                </a:cubicBezTo>
                <a:close/>
                <a:moveTo>
                  <a:pt x="1607" y="826"/>
                </a:moveTo>
                <a:cubicBezTo>
                  <a:pt x="1601" y="832"/>
                  <a:pt x="1607" y="813"/>
                  <a:pt x="1613" y="813"/>
                </a:cubicBezTo>
                <a:cubicBezTo>
                  <a:pt x="1620" y="807"/>
                  <a:pt x="1620" y="807"/>
                  <a:pt x="1620" y="807"/>
                </a:cubicBezTo>
                <a:cubicBezTo>
                  <a:pt x="1620" y="807"/>
                  <a:pt x="1620" y="807"/>
                  <a:pt x="1620" y="807"/>
                </a:cubicBezTo>
                <a:cubicBezTo>
                  <a:pt x="1620" y="807"/>
                  <a:pt x="1620" y="807"/>
                  <a:pt x="1607" y="826"/>
                </a:cubicBezTo>
                <a:close/>
                <a:moveTo>
                  <a:pt x="1620" y="807"/>
                </a:moveTo>
                <a:cubicBezTo>
                  <a:pt x="1626" y="800"/>
                  <a:pt x="1626" y="800"/>
                  <a:pt x="1626" y="800"/>
                </a:cubicBezTo>
                <a:cubicBezTo>
                  <a:pt x="1620" y="807"/>
                  <a:pt x="1620" y="807"/>
                  <a:pt x="1620" y="807"/>
                </a:cubicBezTo>
                <a:cubicBezTo>
                  <a:pt x="1620" y="807"/>
                  <a:pt x="1620" y="807"/>
                  <a:pt x="1620" y="807"/>
                </a:cubicBezTo>
                <a:close/>
                <a:moveTo>
                  <a:pt x="1638" y="788"/>
                </a:moveTo>
                <a:cubicBezTo>
                  <a:pt x="1638" y="788"/>
                  <a:pt x="1638" y="788"/>
                  <a:pt x="1638" y="781"/>
                </a:cubicBezTo>
                <a:cubicBezTo>
                  <a:pt x="1657" y="762"/>
                  <a:pt x="1645" y="775"/>
                  <a:pt x="1645" y="775"/>
                </a:cubicBezTo>
                <a:cubicBezTo>
                  <a:pt x="1645" y="775"/>
                  <a:pt x="1645" y="775"/>
                  <a:pt x="1651" y="769"/>
                </a:cubicBezTo>
                <a:cubicBezTo>
                  <a:pt x="1670" y="743"/>
                  <a:pt x="1670" y="743"/>
                  <a:pt x="1682" y="737"/>
                </a:cubicBezTo>
                <a:cubicBezTo>
                  <a:pt x="1682" y="737"/>
                  <a:pt x="1682" y="737"/>
                  <a:pt x="1689" y="724"/>
                </a:cubicBezTo>
                <a:cubicBezTo>
                  <a:pt x="1689" y="718"/>
                  <a:pt x="1689" y="718"/>
                  <a:pt x="1689" y="718"/>
                </a:cubicBezTo>
                <a:cubicBezTo>
                  <a:pt x="1689" y="718"/>
                  <a:pt x="1689" y="718"/>
                  <a:pt x="1689" y="724"/>
                </a:cubicBezTo>
                <a:cubicBezTo>
                  <a:pt x="1689" y="724"/>
                  <a:pt x="1689" y="724"/>
                  <a:pt x="1689" y="718"/>
                </a:cubicBezTo>
                <a:cubicBezTo>
                  <a:pt x="1695" y="699"/>
                  <a:pt x="1701" y="686"/>
                  <a:pt x="1707" y="673"/>
                </a:cubicBezTo>
                <a:cubicBezTo>
                  <a:pt x="1707" y="673"/>
                  <a:pt x="1707" y="680"/>
                  <a:pt x="1695" y="699"/>
                </a:cubicBezTo>
                <a:cubicBezTo>
                  <a:pt x="1689" y="724"/>
                  <a:pt x="1664" y="750"/>
                  <a:pt x="1632" y="788"/>
                </a:cubicBezTo>
                <a:cubicBezTo>
                  <a:pt x="1626" y="800"/>
                  <a:pt x="1632" y="794"/>
                  <a:pt x="1632" y="788"/>
                </a:cubicBezTo>
                <a:cubicBezTo>
                  <a:pt x="1632" y="794"/>
                  <a:pt x="1632" y="794"/>
                  <a:pt x="1632" y="794"/>
                </a:cubicBezTo>
                <a:cubicBezTo>
                  <a:pt x="1632" y="794"/>
                  <a:pt x="1626" y="794"/>
                  <a:pt x="1626" y="800"/>
                </a:cubicBezTo>
                <a:cubicBezTo>
                  <a:pt x="1632" y="794"/>
                  <a:pt x="1632" y="788"/>
                  <a:pt x="1638" y="781"/>
                </a:cubicBezTo>
                <a:cubicBezTo>
                  <a:pt x="1638" y="788"/>
                  <a:pt x="1638" y="788"/>
                  <a:pt x="1638" y="788"/>
                </a:cubicBezTo>
                <a:close/>
                <a:moveTo>
                  <a:pt x="1707" y="350"/>
                </a:moveTo>
                <a:cubicBezTo>
                  <a:pt x="1701" y="343"/>
                  <a:pt x="1701" y="343"/>
                  <a:pt x="1701" y="337"/>
                </a:cubicBezTo>
                <a:cubicBezTo>
                  <a:pt x="1701" y="343"/>
                  <a:pt x="1707" y="343"/>
                  <a:pt x="1707" y="350"/>
                </a:cubicBezTo>
                <a:close/>
                <a:moveTo>
                  <a:pt x="1720" y="381"/>
                </a:moveTo>
                <a:cubicBezTo>
                  <a:pt x="1720" y="381"/>
                  <a:pt x="1720" y="381"/>
                  <a:pt x="1714" y="369"/>
                </a:cubicBezTo>
                <a:cubicBezTo>
                  <a:pt x="1714" y="375"/>
                  <a:pt x="1714" y="375"/>
                  <a:pt x="1714" y="375"/>
                </a:cubicBezTo>
                <a:cubicBezTo>
                  <a:pt x="1720" y="381"/>
                  <a:pt x="1720" y="381"/>
                  <a:pt x="1720" y="381"/>
                </a:cubicBezTo>
                <a:close/>
                <a:moveTo>
                  <a:pt x="917" y="242"/>
                </a:moveTo>
                <a:cubicBezTo>
                  <a:pt x="942" y="242"/>
                  <a:pt x="942" y="242"/>
                  <a:pt x="942" y="242"/>
                </a:cubicBezTo>
                <a:cubicBezTo>
                  <a:pt x="948" y="242"/>
                  <a:pt x="948" y="242"/>
                  <a:pt x="948" y="242"/>
                </a:cubicBezTo>
                <a:cubicBezTo>
                  <a:pt x="929" y="242"/>
                  <a:pt x="929" y="242"/>
                  <a:pt x="929" y="242"/>
                </a:cubicBezTo>
                <a:cubicBezTo>
                  <a:pt x="917" y="242"/>
                  <a:pt x="917" y="242"/>
                  <a:pt x="917" y="242"/>
                </a:cubicBezTo>
                <a:close/>
                <a:moveTo>
                  <a:pt x="1733" y="451"/>
                </a:moveTo>
                <a:cubicBezTo>
                  <a:pt x="1733" y="458"/>
                  <a:pt x="1733" y="451"/>
                  <a:pt x="1733" y="464"/>
                </a:cubicBezTo>
                <a:cubicBezTo>
                  <a:pt x="1733" y="451"/>
                  <a:pt x="1733" y="451"/>
                  <a:pt x="1733" y="451"/>
                </a:cubicBezTo>
                <a:close/>
                <a:moveTo>
                  <a:pt x="314" y="458"/>
                </a:moveTo>
                <a:cubicBezTo>
                  <a:pt x="314" y="458"/>
                  <a:pt x="314" y="458"/>
                  <a:pt x="302" y="464"/>
                </a:cubicBezTo>
                <a:cubicBezTo>
                  <a:pt x="302" y="464"/>
                  <a:pt x="302" y="464"/>
                  <a:pt x="327" y="451"/>
                </a:cubicBezTo>
                <a:cubicBezTo>
                  <a:pt x="346" y="445"/>
                  <a:pt x="333" y="451"/>
                  <a:pt x="333" y="445"/>
                </a:cubicBezTo>
                <a:cubicBezTo>
                  <a:pt x="333" y="445"/>
                  <a:pt x="333" y="445"/>
                  <a:pt x="327" y="451"/>
                </a:cubicBezTo>
                <a:cubicBezTo>
                  <a:pt x="358" y="432"/>
                  <a:pt x="358" y="432"/>
                  <a:pt x="358" y="432"/>
                </a:cubicBezTo>
                <a:cubicBezTo>
                  <a:pt x="346" y="445"/>
                  <a:pt x="346" y="445"/>
                  <a:pt x="346" y="445"/>
                </a:cubicBezTo>
                <a:cubicBezTo>
                  <a:pt x="321" y="451"/>
                  <a:pt x="321" y="451"/>
                  <a:pt x="321" y="451"/>
                </a:cubicBezTo>
                <a:cubicBezTo>
                  <a:pt x="321" y="451"/>
                  <a:pt x="321" y="451"/>
                  <a:pt x="321" y="451"/>
                </a:cubicBezTo>
                <a:cubicBezTo>
                  <a:pt x="321" y="458"/>
                  <a:pt x="321" y="458"/>
                  <a:pt x="314" y="458"/>
                </a:cubicBezTo>
                <a:close/>
                <a:moveTo>
                  <a:pt x="1733" y="477"/>
                </a:moveTo>
                <a:cubicBezTo>
                  <a:pt x="1733" y="477"/>
                  <a:pt x="1733" y="477"/>
                  <a:pt x="1739" y="508"/>
                </a:cubicBezTo>
                <a:cubicBezTo>
                  <a:pt x="1739" y="502"/>
                  <a:pt x="1739" y="502"/>
                  <a:pt x="1739" y="502"/>
                </a:cubicBezTo>
                <a:cubicBezTo>
                  <a:pt x="1739" y="502"/>
                  <a:pt x="1739" y="502"/>
                  <a:pt x="1733" y="477"/>
                </a:cubicBezTo>
                <a:close/>
                <a:moveTo>
                  <a:pt x="754" y="273"/>
                </a:moveTo>
                <a:cubicBezTo>
                  <a:pt x="747" y="273"/>
                  <a:pt x="747" y="273"/>
                  <a:pt x="747" y="273"/>
                </a:cubicBezTo>
                <a:cubicBezTo>
                  <a:pt x="754" y="273"/>
                  <a:pt x="754" y="273"/>
                  <a:pt x="754" y="273"/>
                </a:cubicBezTo>
                <a:close/>
                <a:moveTo>
                  <a:pt x="1670" y="292"/>
                </a:moveTo>
                <a:cubicBezTo>
                  <a:pt x="1670" y="292"/>
                  <a:pt x="1670" y="292"/>
                  <a:pt x="1682" y="299"/>
                </a:cubicBezTo>
                <a:cubicBezTo>
                  <a:pt x="1670" y="292"/>
                  <a:pt x="1682" y="299"/>
                  <a:pt x="1670" y="292"/>
                </a:cubicBezTo>
                <a:close/>
                <a:moveTo>
                  <a:pt x="446" y="381"/>
                </a:moveTo>
                <a:cubicBezTo>
                  <a:pt x="446" y="381"/>
                  <a:pt x="446" y="381"/>
                  <a:pt x="465" y="375"/>
                </a:cubicBezTo>
                <a:cubicBezTo>
                  <a:pt x="459" y="375"/>
                  <a:pt x="465" y="375"/>
                  <a:pt x="446" y="381"/>
                </a:cubicBezTo>
                <a:close/>
                <a:moveTo>
                  <a:pt x="1080" y="229"/>
                </a:moveTo>
                <a:cubicBezTo>
                  <a:pt x="1048" y="229"/>
                  <a:pt x="1067" y="229"/>
                  <a:pt x="1042" y="229"/>
                </a:cubicBezTo>
                <a:cubicBezTo>
                  <a:pt x="1036" y="229"/>
                  <a:pt x="1036" y="229"/>
                  <a:pt x="1036" y="229"/>
                </a:cubicBezTo>
                <a:cubicBezTo>
                  <a:pt x="1055" y="229"/>
                  <a:pt x="1074" y="229"/>
                  <a:pt x="1092" y="229"/>
                </a:cubicBezTo>
                <a:cubicBezTo>
                  <a:pt x="1080" y="229"/>
                  <a:pt x="1080" y="229"/>
                  <a:pt x="1080" y="229"/>
                </a:cubicBezTo>
                <a:close/>
                <a:moveTo>
                  <a:pt x="1011" y="235"/>
                </a:moveTo>
                <a:cubicBezTo>
                  <a:pt x="1023" y="235"/>
                  <a:pt x="1023" y="235"/>
                  <a:pt x="1036" y="229"/>
                </a:cubicBezTo>
                <a:cubicBezTo>
                  <a:pt x="1030" y="229"/>
                  <a:pt x="1017" y="229"/>
                  <a:pt x="1011" y="235"/>
                </a:cubicBezTo>
                <a:close/>
                <a:moveTo>
                  <a:pt x="164" y="584"/>
                </a:moveTo>
                <a:cubicBezTo>
                  <a:pt x="145" y="604"/>
                  <a:pt x="145" y="604"/>
                  <a:pt x="132" y="623"/>
                </a:cubicBezTo>
                <a:cubicBezTo>
                  <a:pt x="145" y="604"/>
                  <a:pt x="151" y="597"/>
                  <a:pt x="164" y="584"/>
                </a:cubicBezTo>
                <a:close/>
                <a:moveTo>
                  <a:pt x="804" y="261"/>
                </a:moveTo>
                <a:cubicBezTo>
                  <a:pt x="810" y="261"/>
                  <a:pt x="816" y="261"/>
                  <a:pt x="823" y="254"/>
                </a:cubicBezTo>
                <a:cubicBezTo>
                  <a:pt x="823" y="261"/>
                  <a:pt x="816" y="261"/>
                  <a:pt x="810" y="261"/>
                </a:cubicBezTo>
                <a:cubicBezTo>
                  <a:pt x="810" y="261"/>
                  <a:pt x="810" y="261"/>
                  <a:pt x="804" y="261"/>
                </a:cubicBezTo>
                <a:close/>
                <a:moveTo>
                  <a:pt x="1739" y="502"/>
                </a:moveTo>
                <a:cubicBezTo>
                  <a:pt x="1739" y="502"/>
                  <a:pt x="1739" y="502"/>
                  <a:pt x="1739" y="508"/>
                </a:cubicBezTo>
                <a:cubicBezTo>
                  <a:pt x="1739" y="508"/>
                  <a:pt x="1739" y="508"/>
                  <a:pt x="1739" y="508"/>
                </a:cubicBezTo>
                <a:cubicBezTo>
                  <a:pt x="1739" y="508"/>
                  <a:pt x="1739" y="508"/>
                  <a:pt x="1739" y="515"/>
                </a:cubicBezTo>
                <a:cubicBezTo>
                  <a:pt x="1733" y="515"/>
                  <a:pt x="1733" y="508"/>
                  <a:pt x="1733" y="502"/>
                </a:cubicBezTo>
                <a:cubicBezTo>
                  <a:pt x="1733" y="508"/>
                  <a:pt x="1733" y="515"/>
                  <a:pt x="1733" y="534"/>
                </a:cubicBezTo>
                <a:cubicBezTo>
                  <a:pt x="1733" y="527"/>
                  <a:pt x="1733" y="527"/>
                  <a:pt x="1733" y="515"/>
                </a:cubicBezTo>
                <a:cubicBezTo>
                  <a:pt x="1733" y="515"/>
                  <a:pt x="1733" y="515"/>
                  <a:pt x="1733" y="502"/>
                </a:cubicBezTo>
                <a:cubicBezTo>
                  <a:pt x="1733" y="515"/>
                  <a:pt x="1733" y="534"/>
                  <a:pt x="1733" y="553"/>
                </a:cubicBezTo>
                <a:cubicBezTo>
                  <a:pt x="1726" y="584"/>
                  <a:pt x="1726" y="584"/>
                  <a:pt x="1726" y="584"/>
                </a:cubicBezTo>
                <a:cubicBezTo>
                  <a:pt x="1726" y="584"/>
                  <a:pt x="1726" y="584"/>
                  <a:pt x="1726" y="591"/>
                </a:cubicBezTo>
                <a:cubicBezTo>
                  <a:pt x="1733" y="578"/>
                  <a:pt x="1733" y="565"/>
                  <a:pt x="1733" y="559"/>
                </a:cubicBezTo>
                <a:cubicBezTo>
                  <a:pt x="1733" y="559"/>
                  <a:pt x="1733" y="559"/>
                  <a:pt x="1733" y="578"/>
                </a:cubicBezTo>
                <a:cubicBezTo>
                  <a:pt x="1733" y="559"/>
                  <a:pt x="1733" y="546"/>
                  <a:pt x="1733" y="534"/>
                </a:cubicBezTo>
                <a:cubicBezTo>
                  <a:pt x="1733" y="527"/>
                  <a:pt x="1733" y="527"/>
                  <a:pt x="1739" y="515"/>
                </a:cubicBezTo>
                <a:cubicBezTo>
                  <a:pt x="1733" y="527"/>
                  <a:pt x="1733" y="540"/>
                  <a:pt x="1733" y="553"/>
                </a:cubicBezTo>
                <a:cubicBezTo>
                  <a:pt x="1739" y="534"/>
                  <a:pt x="1739" y="534"/>
                  <a:pt x="1739" y="534"/>
                </a:cubicBezTo>
                <a:cubicBezTo>
                  <a:pt x="1739" y="527"/>
                  <a:pt x="1739" y="527"/>
                  <a:pt x="1739" y="527"/>
                </a:cubicBezTo>
                <a:cubicBezTo>
                  <a:pt x="1739" y="527"/>
                  <a:pt x="1739" y="527"/>
                  <a:pt x="1739" y="527"/>
                </a:cubicBezTo>
                <a:cubicBezTo>
                  <a:pt x="1739" y="515"/>
                  <a:pt x="1739" y="508"/>
                  <a:pt x="1739" y="502"/>
                </a:cubicBezTo>
                <a:cubicBezTo>
                  <a:pt x="1739" y="502"/>
                  <a:pt x="1739" y="502"/>
                  <a:pt x="1739" y="508"/>
                </a:cubicBezTo>
                <a:cubicBezTo>
                  <a:pt x="1739" y="502"/>
                  <a:pt x="1739" y="502"/>
                  <a:pt x="1739" y="502"/>
                </a:cubicBezTo>
                <a:close/>
                <a:moveTo>
                  <a:pt x="590" y="324"/>
                </a:moveTo>
                <a:cubicBezTo>
                  <a:pt x="597" y="318"/>
                  <a:pt x="603" y="318"/>
                  <a:pt x="609" y="318"/>
                </a:cubicBezTo>
                <a:cubicBezTo>
                  <a:pt x="603" y="318"/>
                  <a:pt x="597" y="318"/>
                  <a:pt x="597" y="318"/>
                </a:cubicBezTo>
                <a:cubicBezTo>
                  <a:pt x="597" y="324"/>
                  <a:pt x="590" y="324"/>
                  <a:pt x="590" y="324"/>
                </a:cubicBezTo>
                <a:close/>
                <a:moveTo>
                  <a:pt x="910" y="242"/>
                </a:moveTo>
                <a:cubicBezTo>
                  <a:pt x="904" y="242"/>
                  <a:pt x="904" y="242"/>
                  <a:pt x="904" y="242"/>
                </a:cubicBezTo>
                <a:cubicBezTo>
                  <a:pt x="892" y="242"/>
                  <a:pt x="892" y="242"/>
                  <a:pt x="892" y="242"/>
                </a:cubicBezTo>
                <a:cubicBezTo>
                  <a:pt x="910" y="242"/>
                  <a:pt x="910" y="242"/>
                  <a:pt x="910" y="242"/>
                </a:cubicBezTo>
                <a:close/>
                <a:moveTo>
                  <a:pt x="722" y="280"/>
                </a:moveTo>
                <a:cubicBezTo>
                  <a:pt x="754" y="267"/>
                  <a:pt x="747" y="273"/>
                  <a:pt x="747" y="273"/>
                </a:cubicBezTo>
                <a:cubicBezTo>
                  <a:pt x="760" y="267"/>
                  <a:pt x="766" y="267"/>
                  <a:pt x="779" y="267"/>
                </a:cubicBezTo>
                <a:cubicBezTo>
                  <a:pt x="797" y="261"/>
                  <a:pt x="797" y="261"/>
                  <a:pt x="797" y="261"/>
                </a:cubicBezTo>
                <a:cubicBezTo>
                  <a:pt x="791" y="261"/>
                  <a:pt x="791" y="261"/>
                  <a:pt x="791" y="261"/>
                </a:cubicBezTo>
                <a:cubicBezTo>
                  <a:pt x="816" y="261"/>
                  <a:pt x="841" y="254"/>
                  <a:pt x="860" y="248"/>
                </a:cubicBezTo>
                <a:cubicBezTo>
                  <a:pt x="867" y="248"/>
                  <a:pt x="867" y="248"/>
                  <a:pt x="867" y="248"/>
                </a:cubicBezTo>
                <a:cubicBezTo>
                  <a:pt x="848" y="248"/>
                  <a:pt x="841" y="254"/>
                  <a:pt x="823" y="254"/>
                </a:cubicBezTo>
                <a:cubicBezTo>
                  <a:pt x="854" y="248"/>
                  <a:pt x="860" y="248"/>
                  <a:pt x="904" y="242"/>
                </a:cubicBezTo>
                <a:cubicBezTo>
                  <a:pt x="885" y="248"/>
                  <a:pt x="885" y="248"/>
                  <a:pt x="885" y="248"/>
                </a:cubicBezTo>
                <a:cubicBezTo>
                  <a:pt x="879" y="248"/>
                  <a:pt x="879" y="248"/>
                  <a:pt x="873" y="248"/>
                </a:cubicBezTo>
                <a:cubicBezTo>
                  <a:pt x="885" y="242"/>
                  <a:pt x="885" y="242"/>
                  <a:pt x="904" y="242"/>
                </a:cubicBezTo>
                <a:cubicBezTo>
                  <a:pt x="923" y="242"/>
                  <a:pt x="923" y="242"/>
                  <a:pt x="936" y="242"/>
                </a:cubicBezTo>
                <a:cubicBezTo>
                  <a:pt x="929" y="242"/>
                  <a:pt x="929" y="242"/>
                  <a:pt x="942" y="242"/>
                </a:cubicBezTo>
                <a:cubicBezTo>
                  <a:pt x="942" y="242"/>
                  <a:pt x="942" y="242"/>
                  <a:pt x="986" y="235"/>
                </a:cubicBezTo>
                <a:cubicBezTo>
                  <a:pt x="973" y="235"/>
                  <a:pt x="961" y="235"/>
                  <a:pt x="967" y="235"/>
                </a:cubicBezTo>
                <a:cubicBezTo>
                  <a:pt x="992" y="235"/>
                  <a:pt x="998" y="235"/>
                  <a:pt x="1011" y="235"/>
                </a:cubicBezTo>
                <a:cubicBezTo>
                  <a:pt x="1011" y="235"/>
                  <a:pt x="1011" y="235"/>
                  <a:pt x="986" y="235"/>
                </a:cubicBezTo>
                <a:cubicBezTo>
                  <a:pt x="1042" y="229"/>
                  <a:pt x="1080" y="229"/>
                  <a:pt x="1143" y="229"/>
                </a:cubicBezTo>
                <a:cubicBezTo>
                  <a:pt x="1130" y="229"/>
                  <a:pt x="1136" y="229"/>
                  <a:pt x="1099" y="229"/>
                </a:cubicBezTo>
                <a:cubicBezTo>
                  <a:pt x="1118" y="229"/>
                  <a:pt x="1143" y="229"/>
                  <a:pt x="1161" y="229"/>
                </a:cubicBezTo>
                <a:cubicBezTo>
                  <a:pt x="1161" y="229"/>
                  <a:pt x="1161" y="229"/>
                  <a:pt x="1161" y="229"/>
                </a:cubicBezTo>
                <a:cubicBezTo>
                  <a:pt x="1168" y="229"/>
                  <a:pt x="1168" y="229"/>
                  <a:pt x="1168" y="229"/>
                </a:cubicBezTo>
                <a:cubicBezTo>
                  <a:pt x="1143" y="229"/>
                  <a:pt x="1149" y="229"/>
                  <a:pt x="1130" y="229"/>
                </a:cubicBezTo>
                <a:cubicBezTo>
                  <a:pt x="1092" y="229"/>
                  <a:pt x="1074" y="229"/>
                  <a:pt x="1042" y="229"/>
                </a:cubicBezTo>
                <a:cubicBezTo>
                  <a:pt x="998" y="235"/>
                  <a:pt x="1036" y="229"/>
                  <a:pt x="1011" y="229"/>
                </a:cubicBezTo>
                <a:cubicBezTo>
                  <a:pt x="1017" y="229"/>
                  <a:pt x="1011" y="235"/>
                  <a:pt x="979" y="235"/>
                </a:cubicBezTo>
                <a:cubicBezTo>
                  <a:pt x="979" y="235"/>
                  <a:pt x="973" y="235"/>
                  <a:pt x="967" y="235"/>
                </a:cubicBezTo>
                <a:cubicBezTo>
                  <a:pt x="973" y="235"/>
                  <a:pt x="979" y="235"/>
                  <a:pt x="992" y="235"/>
                </a:cubicBezTo>
                <a:cubicBezTo>
                  <a:pt x="992" y="235"/>
                  <a:pt x="992" y="235"/>
                  <a:pt x="1011" y="229"/>
                </a:cubicBezTo>
                <a:cubicBezTo>
                  <a:pt x="986" y="235"/>
                  <a:pt x="998" y="235"/>
                  <a:pt x="986" y="235"/>
                </a:cubicBezTo>
                <a:cubicBezTo>
                  <a:pt x="923" y="235"/>
                  <a:pt x="854" y="248"/>
                  <a:pt x="791" y="261"/>
                </a:cubicBezTo>
                <a:cubicBezTo>
                  <a:pt x="791" y="261"/>
                  <a:pt x="791" y="261"/>
                  <a:pt x="791" y="261"/>
                </a:cubicBezTo>
                <a:cubicBezTo>
                  <a:pt x="791" y="261"/>
                  <a:pt x="791" y="261"/>
                  <a:pt x="791" y="261"/>
                </a:cubicBezTo>
                <a:cubicBezTo>
                  <a:pt x="747" y="273"/>
                  <a:pt x="710" y="280"/>
                  <a:pt x="685" y="286"/>
                </a:cubicBezTo>
                <a:cubicBezTo>
                  <a:pt x="685" y="286"/>
                  <a:pt x="685" y="286"/>
                  <a:pt x="666" y="292"/>
                </a:cubicBezTo>
                <a:cubicBezTo>
                  <a:pt x="653" y="292"/>
                  <a:pt x="634" y="299"/>
                  <a:pt x="609" y="318"/>
                </a:cubicBezTo>
                <a:cubicBezTo>
                  <a:pt x="641" y="299"/>
                  <a:pt x="697" y="286"/>
                  <a:pt x="722" y="280"/>
                </a:cubicBezTo>
                <a:close/>
                <a:moveTo>
                  <a:pt x="691" y="286"/>
                </a:moveTo>
                <a:cubicBezTo>
                  <a:pt x="703" y="280"/>
                  <a:pt x="703" y="280"/>
                  <a:pt x="703" y="280"/>
                </a:cubicBezTo>
                <a:cubicBezTo>
                  <a:pt x="691" y="286"/>
                  <a:pt x="703" y="280"/>
                  <a:pt x="691" y="286"/>
                </a:cubicBezTo>
                <a:close/>
                <a:moveTo>
                  <a:pt x="1431" y="946"/>
                </a:moveTo>
                <a:cubicBezTo>
                  <a:pt x="1431" y="953"/>
                  <a:pt x="1431" y="946"/>
                  <a:pt x="1425" y="953"/>
                </a:cubicBezTo>
                <a:cubicBezTo>
                  <a:pt x="1431" y="953"/>
                  <a:pt x="1431" y="953"/>
                  <a:pt x="1431" y="946"/>
                </a:cubicBezTo>
                <a:close/>
                <a:moveTo>
                  <a:pt x="1651" y="261"/>
                </a:moveTo>
                <a:cubicBezTo>
                  <a:pt x="1664" y="267"/>
                  <a:pt x="1670" y="280"/>
                  <a:pt x="1682" y="292"/>
                </a:cubicBezTo>
                <a:cubicBezTo>
                  <a:pt x="1689" y="299"/>
                  <a:pt x="1689" y="305"/>
                  <a:pt x="1695" y="318"/>
                </a:cubicBezTo>
                <a:cubicBezTo>
                  <a:pt x="1682" y="286"/>
                  <a:pt x="1664" y="273"/>
                  <a:pt x="1664" y="267"/>
                </a:cubicBezTo>
                <a:cubicBezTo>
                  <a:pt x="1664" y="267"/>
                  <a:pt x="1664" y="267"/>
                  <a:pt x="1657" y="267"/>
                </a:cubicBezTo>
                <a:cubicBezTo>
                  <a:pt x="1657" y="267"/>
                  <a:pt x="1657" y="267"/>
                  <a:pt x="1651" y="261"/>
                </a:cubicBezTo>
                <a:close/>
                <a:moveTo>
                  <a:pt x="1720" y="388"/>
                </a:moveTo>
                <a:cubicBezTo>
                  <a:pt x="1720" y="381"/>
                  <a:pt x="1720" y="381"/>
                  <a:pt x="1720" y="381"/>
                </a:cubicBezTo>
                <a:cubicBezTo>
                  <a:pt x="1720" y="375"/>
                  <a:pt x="1720" y="375"/>
                  <a:pt x="1720" y="388"/>
                </a:cubicBezTo>
                <a:close/>
                <a:moveTo>
                  <a:pt x="1726" y="400"/>
                </a:moveTo>
                <a:cubicBezTo>
                  <a:pt x="1726" y="394"/>
                  <a:pt x="1726" y="388"/>
                  <a:pt x="1720" y="388"/>
                </a:cubicBezTo>
                <a:cubicBezTo>
                  <a:pt x="1720" y="388"/>
                  <a:pt x="1720" y="388"/>
                  <a:pt x="1720" y="388"/>
                </a:cubicBezTo>
                <a:cubicBezTo>
                  <a:pt x="1726" y="400"/>
                  <a:pt x="1726" y="419"/>
                  <a:pt x="1726" y="400"/>
                </a:cubicBezTo>
                <a:close/>
                <a:moveTo>
                  <a:pt x="302" y="464"/>
                </a:moveTo>
                <a:cubicBezTo>
                  <a:pt x="302" y="464"/>
                  <a:pt x="302" y="464"/>
                  <a:pt x="302" y="464"/>
                </a:cubicBezTo>
                <a:cubicBezTo>
                  <a:pt x="302" y="464"/>
                  <a:pt x="302" y="464"/>
                  <a:pt x="302" y="464"/>
                </a:cubicBezTo>
                <a:close/>
                <a:moveTo>
                  <a:pt x="277" y="483"/>
                </a:moveTo>
                <a:cubicBezTo>
                  <a:pt x="277" y="483"/>
                  <a:pt x="277" y="483"/>
                  <a:pt x="295" y="470"/>
                </a:cubicBezTo>
                <a:cubicBezTo>
                  <a:pt x="302" y="464"/>
                  <a:pt x="302" y="464"/>
                  <a:pt x="302" y="464"/>
                </a:cubicBezTo>
                <a:cubicBezTo>
                  <a:pt x="302" y="464"/>
                  <a:pt x="302" y="464"/>
                  <a:pt x="283" y="477"/>
                </a:cubicBezTo>
                <a:cubicBezTo>
                  <a:pt x="283" y="477"/>
                  <a:pt x="283" y="477"/>
                  <a:pt x="277" y="483"/>
                </a:cubicBezTo>
                <a:close/>
                <a:moveTo>
                  <a:pt x="1695" y="318"/>
                </a:moveTo>
                <a:cubicBezTo>
                  <a:pt x="1695" y="318"/>
                  <a:pt x="1695" y="318"/>
                  <a:pt x="1701" y="331"/>
                </a:cubicBezTo>
                <a:cubicBezTo>
                  <a:pt x="1695" y="318"/>
                  <a:pt x="1701" y="324"/>
                  <a:pt x="1695" y="318"/>
                </a:cubicBezTo>
                <a:close/>
                <a:moveTo>
                  <a:pt x="816" y="26"/>
                </a:moveTo>
                <a:cubicBezTo>
                  <a:pt x="810" y="26"/>
                  <a:pt x="810" y="26"/>
                  <a:pt x="810" y="26"/>
                </a:cubicBezTo>
                <a:cubicBezTo>
                  <a:pt x="816" y="26"/>
                  <a:pt x="816" y="26"/>
                  <a:pt x="823" y="26"/>
                </a:cubicBezTo>
                <a:cubicBezTo>
                  <a:pt x="816" y="26"/>
                  <a:pt x="816" y="26"/>
                  <a:pt x="816" y="26"/>
                </a:cubicBezTo>
                <a:close/>
                <a:moveTo>
                  <a:pt x="1218" y="20"/>
                </a:moveTo>
                <a:cubicBezTo>
                  <a:pt x="1218" y="20"/>
                  <a:pt x="1218" y="20"/>
                  <a:pt x="1218" y="20"/>
                </a:cubicBezTo>
                <a:cubicBezTo>
                  <a:pt x="1218" y="20"/>
                  <a:pt x="1218" y="20"/>
                  <a:pt x="1218" y="20"/>
                </a:cubicBezTo>
                <a:cubicBezTo>
                  <a:pt x="1218" y="20"/>
                  <a:pt x="1218" y="20"/>
                  <a:pt x="1218" y="20"/>
                </a:cubicBezTo>
                <a:close/>
                <a:moveTo>
                  <a:pt x="1212" y="20"/>
                </a:moveTo>
                <a:cubicBezTo>
                  <a:pt x="1212" y="20"/>
                  <a:pt x="1212" y="20"/>
                  <a:pt x="1212" y="20"/>
                </a:cubicBezTo>
                <a:cubicBezTo>
                  <a:pt x="1218" y="20"/>
                  <a:pt x="1224" y="20"/>
                  <a:pt x="1249" y="26"/>
                </a:cubicBezTo>
                <a:cubicBezTo>
                  <a:pt x="1256" y="26"/>
                  <a:pt x="1262" y="26"/>
                  <a:pt x="1268" y="26"/>
                </a:cubicBezTo>
                <a:cubicBezTo>
                  <a:pt x="1249" y="20"/>
                  <a:pt x="1249" y="26"/>
                  <a:pt x="1243" y="20"/>
                </a:cubicBezTo>
                <a:cubicBezTo>
                  <a:pt x="1199" y="7"/>
                  <a:pt x="1199" y="20"/>
                  <a:pt x="1199" y="20"/>
                </a:cubicBezTo>
                <a:cubicBezTo>
                  <a:pt x="1161" y="7"/>
                  <a:pt x="1193" y="20"/>
                  <a:pt x="1161" y="7"/>
                </a:cubicBezTo>
                <a:cubicBezTo>
                  <a:pt x="1161" y="7"/>
                  <a:pt x="1161" y="7"/>
                  <a:pt x="1130" y="7"/>
                </a:cubicBezTo>
                <a:cubicBezTo>
                  <a:pt x="1105" y="0"/>
                  <a:pt x="1105" y="0"/>
                  <a:pt x="1118" y="0"/>
                </a:cubicBezTo>
                <a:cubicBezTo>
                  <a:pt x="1111" y="0"/>
                  <a:pt x="1105" y="0"/>
                  <a:pt x="1099" y="0"/>
                </a:cubicBezTo>
                <a:cubicBezTo>
                  <a:pt x="1099" y="0"/>
                  <a:pt x="1099" y="0"/>
                  <a:pt x="1118" y="7"/>
                </a:cubicBezTo>
                <a:cubicBezTo>
                  <a:pt x="1086" y="0"/>
                  <a:pt x="1074" y="0"/>
                  <a:pt x="1080" y="0"/>
                </a:cubicBezTo>
                <a:cubicBezTo>
                  <a:pt x="1074" y="0"/>
                  <a:pt x="1074" y="0"/>
                  <a:pt x="1074" y="0"/>
                </a:cubicBezTo>
                <a:cubicBezTo>
                  <a:pt x="1061" y="0"/>
                  <a:pt x="1061" y="0"/>
                  <a:pt x="1048" y="0"/>
                </a:cubicBezTo>
                <a:cubicBezTo>
                  <a:pt x="1023" y="0"/>
                  <a:pt x="1030" y="0"/>
                  <a:pt x="992" y="0"/>
                </a:cubicBezTo>
                <a:cubicBezTo>
                  <a:pt x="992" y="0"/>
                  <a:pt x="992" y="0"/>
                  <a:pt x="998" y="0"/>
                </a:cubicBezTo>
                <a:cubicBezTo>
                  <a:pt x="1055" y="0"/>
                  <a:pt x="1149" y="7"/>
                  <a:pt x="1193" y="20"/>
                </a:cubicBezTo>
                <a:cubicBezTo>
                  <a:pt x="1199" y="20"/>
                  <a:pt x="1205" y="20"/>
                  <a:pt x="1218" y="20"/>
                </a:cubicBezTo>
                <a:cubicBezTo>
                  <a:pt x="1205" y="20"/>
                  <a:pt x="1199" y="20"/>
                  <a:pt x="1193" y="20"/>
                </a:cubicBezTo>
                <a:cubicBezTo>
                  <a:pt x="1199" y="20"/>
                  <a:pt x="1205" y="20"/>
                  <a:pt x="1212" y="20"/>
                </a:cubicBezTo>
                <a:close/>
                <a:moveTo>
                  <a:pt x="1532" y="115"/>
                </a:moveTo>
                <a:cubicBezTo>
                  <a:pt x="1532" y="115"/>
                  <a:pt x="1532" y="115"/>
                  <a:pt x="1538" y="121"/>
                </a:cubicBezTo>
                <a:cubicBezTo>
                  <a:pt x="1532" y="115"/>
                  <a:pt x="1519" y="102"/>
                  <a:pt x="1513" y="96"/>
                </a:cubicBezTo>
                <a:cubicBezTo>
                  <a:pt x="1532" y="115"/>
                  <a:pt x="1532" y="115"/>
                  <a:pt x="1532" y="115"/>
                </a:cubicBezTo>
                <a:close/>
                <a:moveTo>
                  <a:pt x="1155" y="32"/>
                </a:moveTo>
                <a:cubicBezTo>
                  <a:pt x="1155" y="32"/>
                  <a:pt x="1155" y="32"/>
                  <a:pt x="1155" y="32"/>
                </a:cubicBezTo>
                <a:cubicBezTo>
                  <a:pt x="1155" y="32"/>
                  <a:pt x="1155" y="32"/>
                  <a:pt x="1155" y="32"/>
                </a:cubicBezTo>
                <a:cubicBezTo>
                  <a:pt x="1161" y="32"/>
                  <a:pt x="1161" y="32"/>
                  <a:pt x="1168" y="32"/>
                </a:cubicBezTo>
                <a:cubicBezTo>
                  <a:pt x="1161" y="32"/>
                  <a:pt x="1161" y="32"/>
                  <a:pt x="1155" y="32"/>
                </a:cubicBezTo>
                <a:close/>
                <a:moveTo>
                  <a:pt x="873" y="26"/>
                </a:moveTo>
                <a:cubicBezTo>
                  <a:pt x="867" y="26"/>
                  <a:pt x="867" y="26"/>
                  <a:pt x="860" y="26"/>
                </a:cubicBezTo>
                <a:cubicBezTo>
                  <a:pt x="867" y="26"/>
                  <a:pt x="873" y="26"/>
                  <a:pt x="879" y="26"/>
                </a:cubicBezTo>
                <a:cubicBezTo>
                  <a:pt x="879" y="26"/>
                  <a:pt x="879" y="26"/>
                  <a:pt x="879" y="26"/>
                </a:cubicBezTo>
                <a:cubicBezTo>
                  <a:pt x="873" y="26"/>
                  <a:pt x="873" y="26"/>
                  <a:pt x="873" y="26"/>
                </a:cubicBezTo>
                <a:close/>
                <a:moveTo>
                  <a:pt x="647" y="58"/>
                </a:moveTo>
                <a:cubicBezTo>
                  <a:pt x="647" y="58"/>
                  <a:pt x="647" y="58"/>
                  <a:pt x="653" y="58"/>
                </a:cubicBezTo>
                <a:cubicBezTo>
                  <a:pt x="710" y="45"/>
                  <a:pt x="697" y="51"/>
                  <a:pt x="728" y="45"/>
                </a:cubicBezTo>
                <a:cubicBezTo>
                  <a:pt x="754" y="39"/>
                  <a:pt x="741" y="39"/>
                  <a:pt x="754" y="39"/>
                </a:cubicBezTo>
                <a:cubicBezTo>
                  <a:pt x="754" y="39"/>
                  <a:pt x="754" y="39"/>
                  <a:pt x="766" y="32"/>
                </a:cubicBezTo>
                <a:cubicBezTo>
                  <a:pt x="754" y="39"/>
                  <a:pt x="760" y="39"/>
                  <a:pt x="741" y="39"/>
                </a:cubicBezTo>
                <a:cubicBezTo>
                  <a:pt x="747" y="39"/>
                  <a:pt x="754" y="39"/>
                  <a:pt x="760" y="32"/>
                </a:cubicBezTo>
                <a:cubicBezTo>
                  <a:pt x="710" y="45"/>
                  <a:pt x="691" y="51"/>
                  <a:pt x="659" y="51"/>
                </a:cubicBezTo>
                <a:cubicBezTo>
                  <a:pt x="659" y="51"/>
                  <a:pt x="659" y="51"/>
                  <a:pt x="647" y="58"/>
                </a:cubicBezTo>
                <a:close/>
                <a:moveTo>
                  <a:pt x="1576" y="864"/>
                </a:moveTo>
                <a:cubicBezTo>
                  <a:pt x="1576" y="864"/>
                  <a:pt x="1576" y="864"/>
                  <a:pt x="1576" y="864"/>
                </a:cubicBezTo>
                <a:cubicBezTo>
                  <a:pt x="1576" y="864"/>
                  <a:pt x="1576" y="864"/>
                  <a:pt x="1576" y="864"/>
                </a:cubicBezTo>
                <a:cubicBezTo>
                  <a:pt x="1576" y="864"/>
                  <a:pt x="1576" y="864"/>
                  <a:pt x="1576" y="864"/>
                </a:cubicBezTo>
                <a:close/>
                <a:moveTo>
                  <a:pt x="772" y="32"/>
                </a:moveTo>
                <a:cubicBezTo>
                  <a:pt x="772" y="32"/>
                  <a:pt x="772" y="32"/>
                  <a:pt x="772" y="32"/>
                </a:cubicBezTo>
                <a:cubicBezTo>
                  <a:pt x="772" y="32"/>
                  <a:pt x="766" y="32"/>
                  <a:pt x="760" y="32"/>
                </a:cubicBezTo>
                <a:cubicBezTo>
                  <a:pt x="760" y="32"/>
                  <a:pt x="766" y="32"/>
                  <a:pt x="772" y="32"/>
                </a:cubicBezTo>
                <a:close/>
                <a:moveTo>
                  <a:pt x="628" y="64"/>
                </a:moveTo>
                <a:cubicBezTo>
                  <a:pt x="622" y="70"/>
                  <a:pt x="622" y="70"/>
                  <a:pt x="622" y="70"/>
                </a:cubicBezTo>
                <a:cubicBezTo>
                  <a:pt x="634" y="64"/>
                  <a:pt x="634" y="64"/>
                  <a:pt x="641" y="64"/>
                </a:cubicBezTo>
                <a:cubicBezTo>
                  <a:pt x="641" y="64"/>
                  <a:pt x="641" y="64"/>
                  <a:pt x="634" y="64"/>
                </a:cubicBezTo>
                <a:cubicBezTo>
                  <a:pt x="647" y="64"/>
                  <a:pt x="647" y="58"/>
                  <a:pt x="653" y="58"/>
                </a:cubicBezTo>
                <a:cubicBezTo>
                  <a:pt x="647" y="64"/>
                  <a:pt x="641" y="64"/>
                  <a:pt x="641" y="64"/>
                </a:cubicBezTo>
                <a:cubicBezTo>
                  <a:pt x="641" y="64"/>
                  <a:pt x="647" y="64"/>
                  <a:pt x="653" y="58"/>
                </a:cubicBezTo>
                <a:cubicBezTo>
                  <a:pt x="653" y="58"/>
                  <a:pt x="653" y="58"/>
                  <a:pt x="653" y="58"/>
                </a:cubicBezTo>
                <a:cubicBezTo>
                  <a:pt x="653" y="58"/>
                  <a:pt x="653" y="58"/>
                  <a:pt x="653" y="58"/>
                </a:cubicBezTo>
                <a:cubicBezTo>
                  <a:pt x="653" y="58"/>
                  <a:pt x="653" y="58"/>
                  <a:pt x="653" y="58"/>
                </a:cubicBezTo>
                <a:cubicBezTo>
                  <a:pt x="641" y="64"/>
                  <a:pt x="641" y="64"/>
                  <a:pt x="641" y="64"/>
                </a:cubicBezTo>
                <a:cubicBezTo>
                  <a:pt x="628" y="64"/>
                  <a:pt x="628" y="64"/>
                  <a:pt x="628" y="64"/>
                </a:cubicBezTo>
                <a:close/>
                <a:moveTo>
                  <a:pt x="1707" y="686"/>
                </a:moveTo>
                <a:cubicBezTo>
                  <a:pt x="1701" y="699"/>
                  <a:pt x="1707" y="692"/>
                  <a:pt x="1701" y="705"/>
                </a:cubicBezTo>
                <a:cubicBezTo>
                  <a:pt x="1701" y="699"/>
                  <a:pt x="1707" y="692"/>
                  <a:pt x="1707" y="686"/>
                </a:cubicBezTo>
                <a:close/>
                <a:moveTo>
                  <a:pt x="1739" y="559"/>
                </a:moveTo>
                <a:cubicBezTo>
                  <a:pt x="1739" y="565"/>
                  <a:pt x="1739" y="565"/>
                  <a:pt x="1739" y="565"/>
                </a:cubicBezTo>
                <a:cubicBezTo>
                  <a:pt x="1739" y="565"/>
                  <a:pt x="1739" y="565"/>
                  <a:pt x="1739" y="559"/>
                </a:cubicBezTo>
                <a:close/>
                <a:moveTo>
                  <a:pt x="1739" y="559"/>
                </a:moveTo>
                <a:cubicBezTo>
                  <a:pt x="1739" y="553"/>
                  <a:pt x="1739" y="546"/>
                  <a:pt x="1739" y="540"/>
                </a:cubicBezTo>
                <a:cubicBezTo>
                  <a:pt x="1739" y="534"/>
                  <a:pt x="1739" y="534"/>
                  <a:pt x="1739" y="527"/>
                </a:cubicBezTo>
                <a:cubicBezTo>
                  <a:pt x="1739" y="553"/>
                  <a:pt x="1739" y="559"/>
                  <a:pt x="1739" y="559"/>
                </a:cubicBezTo>
                <a:close/>
                <a:moveTo>
                  <a:pt x="697" y="51"/>
                </a:moveTo>
                <a:cubicBezTo>
                  <a:pt x="691" y="58"/>
                  <a:pt x="691" y="58"/>
                  <a:pt x="691" y="58"/>
                </a:cubicBezTo>
                <a:cubicBezTo>
                  <a:pt x="691" y="58"/>
                  <a:pt x="691" y="51"/>
                  <a:pt x="697" y="51"/>
                </a:cubicBezTo>
                <a:cubicBezTo>
                  <a:pt x="697" y="51"/>
                  <a:pt x="697" y="51"/>
                  <a:pt x="691" y="58"/>
                </a:cubicBezTo>
                <a:cubicBezTo>
                  <a:pt x="697" y="51"/>
                  <a:pt x="697" y="51"/>
                  <a:pt x="697" y="51"/>
                </a:cubicBezTo>
                <a:cubicBezTo>
                  <a:pt x="710" y="51"/>
                  <a:pt x="716" y="51"/>
                  <a:pt x="728" y="45"/>
                </a:cubicBezTo>
                <a:cubicBezTo>
                  <a:pt x="716" y="51"/>
                  <a:pt x="710" y="51"/>
                  <a:pt x="697" y="51"/>
                </a:cubicBezTo>
                <a:cubicBezTo>
                  <a:pt x="697" y="51"/>
                  <a:pt x="697" y="51"/>
                  <a:pt x="697" y="51"/>
                </a:cubicBezTo>
                <a:close/>
                <a:moveTo>
                  <a:pt x="1281" y="32"/>
                </a:moveTo>
                <a:cubicBezTo>
                  <a:pt x="1274" y="26"/>
                  <a:pt x="1274" y="26"/>
                  <a:pt x="1274" y="26"/>
                </a:cubicBezTo>
                <a:cubicBezTo>
                  <a:pt x="1281" y="32"/>
                  <a:pt x="1281" y="32"/>
                  <a:pt x="1281" y="32"/>
                </a:cubicBezTo>
                <a:close/>
                <a:moveTo>
                  <a:pt x="1525" y="115"/>
                </a:moveTo>
                <a:cubicBezTo>
                  <a:pt x="1519" y="102"/>
                  <a:pt x="1519" y="102"/>
                  <a:pt x="1519" y="102"/>
                </a:cubicBezTo>
                <a:cubicBezTo>
                  <a:pt x="1519" y="115"/>
                  <a:pt x="1525" y="115"/>
                  <a:pt x="1525" y="115"/>
                </a:cubicBezTo>
                <a:cubicBezTo>
                  <a:pt x="1525" y="115"/>
                  <a:pt x="1525" y="115"/>
                  <a:pt x="1525" y="115"/>
                </a:cubicBezTo>
                <a:close/>
                <a:moveTo>
                  <a:pt x="1281" y="32"/>
                </a:moveTo>
                <a:cubicBezTo>
                  <a:pt x="1281" y="26"/>
                  <a:pt x="1281" y="26"/>
                  <a:pt x="1281" y="26"/>
                </a:cubicBezTo>
                <a:cubicBezTo>
                  <a:pt x="1274" y="26"/>
                  <a:pt x="1274" y="26"/>
                  <a:pt x="1268" y="26"/>
                </a:cubicBezTo>
                <a:cubicBezTo>
                  <a:pt x="1268" y="26"/>
                  <a:pt x="1268" y="26"/>
                  <a:pt x="1274" y="26"/>
                </a:cubicBezTo>
                <a:cubicBezTo>
                  <a:pt x="1274" y="26"/>
                  <a:pt x="1274" y="26"/>
                  <a:pt x="1281" y="32"/>
                </a:cubicBezTo>
                <a:close/>
                <a:moveTo>
                  <a:pt x="1525" y="115"/>
                </a:moveTo>
                <a:cubicBezTo>
                  <a:pt x="1525" y="115"/>
                  <a:pt x="1525" y="115"/>
                  <a:pt x="1525" y="115"/>
                </a:cubicBezTo>
                <a:cubicBezTo>
                  <a:pt x="1525" y="115"/>
                  <a:pt x="1525" y="115"/>
                  <a:pt x="1525" y="115"/>
                </a:cubicBezTo>
                <a:cubicBezTo>
                  <a:pt x="1525" y="115"/>
                  <a:pt x="1525" y="115"/>
                  <a:pt x="1525" y="115"/>
                </a:cubicBezTo>
                <a:close/>
                <a:moveTo>
                  <a:pt x="1726" y="292"/>
                </a:moveTo>
                <a:cubicBezTo>
                  <a:pt x="1726" y="292"/>
                  <a:pt x="1726" y="292"/>
                  <a:pt x="1726" y="292"/>
                </a:cubicBezTo>
                <a:cubicBezTo>
                  <a:pt x="1726" y="292"/>
                  <a:pt x="1726" y="292"/>
                  <a:pt x="1726" y="292"/>
                </a:cubicBezTo>
                <a:cubicBezTo>
                  <a:pt x="1726" y="292"/>
                  <a:pt x="1726" y="292"/>
                  <a:pt x="1726" y="292"/>
                </a:cubicBezTo>
                <a:close/>
                <a:moveTo>
                  <a:pt x="1212" y="20"/>
                </a:moveTo>
                <a:cubicBezTo>
                  <a:pt x="1212" y="20"/>
                  <a:pt x="1212" y="20"/>
                  <a:pt x="1212" y="20"/>
                </a:cubicBezTo>
                <a:cubicBezTo>
                  <a:pt x="1218" y="20"/>
                  <a:pt x="1218" y="20"/>
                  <a:pt x="1212" y="20"/>
                </a:cubicBezTo>
                <a:close/>
                <a:moveTo>
                  <a:pt x="961" y="0"/>
                </a:moveTo>
                <a:cubicBezTo>
                  <a:pt x="986" y="0"/>
                  <a:pt x="967" y="0"/>
                  <a:pt x="992" y="0"/>
                </a:cubicBezTo>
                <a:cubicBezTo>
                  <a:pt x="986" y="0"/>
                  <a:pt x="979" y="0"/>
                  <a:pt x="973" y="0"/>
                </a:cubicBezTo>
                <a:cubicBezTo>
                  <a:pt x="973" y="0"/>
                  <a:pt x="973" y="0"/>
                  <a:pt x="961" y="0"/>
                </a:cubicBezTo>
                <a:close/>
                <a:moveTo>
                  <a:pt x="1519" y="946"/>
                </a:moveTo>
                <a:cubicBezTo>
                  <a:pt x="1513" y="953"/>
                  <a:pt x="1507" y="953"/>
                  <a:pt x="1500" y="959"/>
                </a:cubicBezTo>
                <a:cubicBezTo>
                  <a:pt x="1513" y="953"/>
                  <a:pt x="1513" y="946"/>
                  <a:pt x="1519" y="946"/>
                </a:cubicBezTo>
                <a:close/>
                <a:moveTo>
                  <a:pt x="810" y="26"/>
                </a:moveTo>
                <a:cubicBezTo>
                  <a:pt x="797" y="26"/>
                  <a:pt x="779" y="32"/>
                  <a:pt x="760" y="32"/>
                </a:cubicBezTo>
                <a:cubicBezTo>
                  <a:pt x="791" y="32"/>
                  <a:pt x="779" y="32"/>
                  <a:pt x="772" y="32"/>
                </a:cubicBezTo>
                <a:cubicBezTo>
                  <a:pt x="779" y="32"/>
                  <a:pt x="791" y="32"/>
                  <a:pt x="791" y="32"/>
                </a:cubicBezTo>
                <a:cubicBezTo>
                  <a:pt x="791" y="32"/>
                  <a:pt x="791" y="32"/>
                  <a:pt x="797" y="32"/>
                </a:cubicBezTo>
                <a:cubicBezTo>
                  <a:pt x="816" y="26"/>
                  <a:pt x="829" y="26"/>
                  <a:pt x="835" y="26"/>
                </a:cubicBezTo>
                <a:cubicBezTo>
                  <a:pt x="829" y="26"/>
                  <a:pt x="829" y="26"/>
                  <a:pt x="829" y="26"/>
                </a:cubicBezTo>
                <a:cubicBezTo>
                  <a:pt x="835" y="26"/>
                  <a:pt x="810" y="26"/>
                  <a:pt x="810" y="26"/>
                </a:cubicBezTo>
                <a:close/>
                <a:moveTo>
                  <a:pt x="835" y="20"/>
                </a:moveTo>
                <a:cubicBezTo>
                  <a:pt x="848" y="20"/>
                  <a:pt x="848" y="20"/>
                  <a:pt x="854" y="20"/>
                </a:cubicBezTo>
                <a:cubicBezTo>
                  <a:pt x="848" y="20"/>
                  <a:pt x="841" y="20"/>
                  <a:pt x="835" y="20"/>
                </a:cubicBezTo>
                <a:close/>
                <a:moveTo>
                  <a:pt x="1532" y="940"/>
                </a:moveTo>
                <a:cubicBezTo>
                  <a:pt x="1538" y="934"/>
                  <a:pt x="1544" y="927"/>
                  <a:pt x="1557" y="921"/>
                </a:cubicBezTo>
                <a:cubicBezTo>
                  <a:pt x="1544" y="927"/>
                  <a:pt x="1538" y="934"/>
                  <a:pt x="1532" y="940"/>
                </a:cubicBezTo>
                <a:close/>
                <a:moveTo>
                  <a:pt x="835" y="26"/>
                </a:moveTo>
                <a:cubicBezTo>
                  <a:pt x="841" y="26"/>
                  <a:pt x="848" y="26"/>
                  <a:pt x="848" y="26"/>
                </a:cubicBezTo>
                <a:cubicBezTo>
                  <a:pt x="848" y="26"/>
                  <a:pt x="848" y="26"/>
                  <a:pt x="848" y="26"/>
                </a:cubicBezTo>
                <a:cubicBezTo>
                  <a:pt x="841" y="26"/>
                  <a:pt x="841" y="26"/>
                  <a:pt x="835" y="26"/>
                </a:cubicBezTo>
                <a:close/>
                <a:moveTo>
                  <a:pt x="829" y="20"/>
                </a:moveTo>
                <a:cubicBezTo>
                  <a:pt x="829" y="20"/>
                  <a:pt x="823" y="20"/>
                  <a:pt x="823" y="26"/>
                </a:cubicBezTo>
                <a:cubicBezTo>
                  <a:pt x="829" y="20"/>
                  <a:pt x="829" y="20"/>
                  <a:pt x="835" y="20"/>
                </a:cubicBezTo>
                <a:cubicBezTo>
                  <a:pt x="829" y="20"/>
                  <a:pt x="829" y="20"/>
                  <a:pt x="829" y="20"/>
                </a:cubicBezTo>
                <a:close/>
                <a:moveTo>
                  <a:pt x="1776" y="515"/>
                </a:moveTo>
                <a:cubicBezTo>
                  <a:pt x="1776" y="502"/>
                  <a:pt x="1776" y="496"/>
                  <a:pt x="1776" y="489"/>
                </a:cubicBezTo>
                <a:cubicBezTo>
                  <a:pt x="1776" y="496"/>
                  <a:pt x="1776" y="508"/>
                  <a:pt x="1776" y="515"/>
                </a:cubicBezTo>
                <a:close/>
                <a:moveTo>
                  <a:pt x="1764" y="635"/>
                </a:moveTo>
                <a:cubicBezTo>
                  <a:pt x="1758" y="642"/>
                  <a:pt x="1758" y="642"/>
                  <a:pt x="1758" y="642"/>
                </a:cubicBezTo>
                <a:cubicBezTo>
                  <a:pt x="1764" y="635"/>
                  <a:pt x="1764" y="635"/>
                  <a:pt x="1764" y="635"/>
                </a:cubicBezTo>
                <a:close/>
                <a:moveTo>
                  <a:pt x="1770" y="458"/>
                </a:moveTo>
                <a:cubicBezTo>
                  <a:pt x="1770" y="470"/>
                  <a:pt x="1776" y="477"/>
                  <a:pt x="1776" y="489"/>
                </a:cubicBezTo>
                <a:cubicBezTo>
                  <a:pt x="1776" y="483"/>
                  <a:pt x="1776" y="477"/>
                  <a:pt x="1776" y="477"/>
                </a:cubicBezTo>
                <a:cubicBezTo>
                  <a:pt x="1776" y="477"/>
                  <a:pt x="1776" y="470"/>
                  <a:pt x="1770" y="458"/>
                </a:cubicBezTo>
                <a:close/>
                <a:moveTo>
                  <a:pt x="929" y="223"/>
                </a:moveTo>
                <a:cubicBezTo>
                  <a:pt x="923" y="223"/>
                  <a:pt x="917" y="223"/>
                  <a:pt x="917" y="223"/>
                </a:cubicBezTo>
                <a:cubicBezTo>
                  <a:pt x="917" y="223"/>
                  <a:pt x="917" y="223"/>
                  <a:pt x="917" y="223"/>
                </a:cubicBezTo>
                <a:cubicBezTo>
                  <a:pt x="910" y="223"/>
                  <a:pt x="910" y="223"/>
                  <a:pt x="910" y="223"/>
                </a:cubicBezTo>
                <a:cubicBezTo>
                  <a:pt x="910" y="223"/>
                  <a:pt x="910" y="223"/>
                  <a:pt x="904" y="223"/>
                </a:cubicBezTo>
                <a:cubicBezTo>
                  <a:pt x="904" y="223"/>
                  <a:pt x="904" y="223"/>
                  <a:pt x="904" y="229"/>
                </a:cubicBezTo>
                <a:cubicBezTo>
                  <a:pt x="917" y="223"/>
                  <a:pt x="923" y="223"/>
                  <a:pt x="929" y="223"/>
                </a:cubicBezTo>
                <a:cubicBezTo>
                  <a:pt x="929" y="223"/>
                  <a:pt x="929" y="223"/>
                  <a:pt x="929" y="223"/>
                </a:cubicBezTo>
                <a:close/>
                <a:moveTo>
                  <a:pt x="848" y="223"/>
                </a:moveTo>
                <a:cubicBezTo>
                  <a:pt x="848" y="223"/>
                  <a:pt x="848" y="223"/>
                  <a:pt x="885" y="216"/>
                </a:cubicBezTo>
                <a:cubicBezTo>
                  <a:pt x="910" y="216"/>
                  <a:pt x="885" y="216"/>
                  <a:pt x="910" y="216"/>
                </a:cubicBezTo>
                <a:cubicBezTo>
                  <a:pt x="910" y="216"/>
                  <a:pt x="917" y="216"/>
                  <a:pt x="917" y="204"/>
                </a:cubicBezTo>
                <a:cubicBezTo>
                  <a:pt x="910" y="216"/>
                  <a:pt x="910" y="216"/>
                  <a:pt x="910" y="216"/>
                </a:cubicBezTo>
                <a:cubicBezTo>
                  <a:pt x="892" y="216"/>
                  <a:pt x="892" y="216"/>
                  <a:pt x="892" y="216"/>
                </a:cubicBezTo>
                <a:cubicBezTo>
                  <a:pt x="923" y="216"/>
                  <a:pt x="923" y="216"/>
                  <a:pt x="923" y="216"/>
                </a:cubicBezTo>
                <a:cubicBezTo>
                  <a:pt x="923" y="204"/>
                  <a:pt x="923" y="204"/>
                  <a:pt x="923" y="204"/>
                </a:cubicBezTo>
                <a:cubicBezTo>
                  <a:pt x="923" y="204"/>
                  <a:pt x="929" y="204"/>
                  <a:pt x="936" y="204"/>
                </a:cubicBezTo>
                <a:cubicBezTo>
                  <a:pt x="923" y="204"/>
                  <a:pt x="910" y="204"/>
                  <a:pt x="892" y="216"/>
                </a:cubicBezTo>
                <a:cubicBezTo>
                  <a:pt x="892" y="216"/>
                  <a:pt x="892" y="216"/>
                  <a:pt x="892" y="216"/>
                </a:cubicBezTo>
                <a:cubicBezTo>
                  <a:pt x="879" y="216"/>
                  <a:pt x="873" y="216"/>
                  <a:pt x="873" y="216"/>
                </a:cubicBezTo>
                <a:cubicBezTo>
                  <a:pt x="873" y="216"/>
                  <a:pt x="873" y="216"/>
                  <a:pt x="873" y="216"/>
                </a:cubicBezTo>
                <a:cubicBezTo>
                  <a:pt x="854" y="223"/>
                  <a:pt x="835" y="223"/>
                  <a:pt x="835" y="223"/>
                </a:cubicBezTo>
                <a:cubicBezTo>
                  <a:pt x="823" y="229"/>
                  <a:pt x="816" y="229"/>
                  <a:pt x="810" y="229"/>
                </a:cubicBezTo>
                <a:cubicBezTo>
                  <a:pt x="816" y="229"/>
                  <a:pt x="823" y="229"/>
                  <a:pt x="841" y="223"/>
                </a:cubicBezTo>
                <a:cubicBezTo>
                  <a:pt x="848" y="223"/>
                  <a:pt x="848" y="223"/>
                  <a:pt x="848" y="223"/>
                </a:cubicBezTo>
                <a:close/>
                <a:moveTo>
                  <a:pt x="929" y="223"/>
                </a:moveTo>
                <a:cubicBezTo>
                  <a:pt x="923" y="223"/>
                  <a:pt x="923" y="223"/>
                  <a:pt x="923" y="223"/>
                </a:cubicBezTo>
                <a:cubicBezTo>
                  <a:pt x="929" y="223"/>
                  <a:pt x="929" y="223"/>
                  <a:pt x="929" y="223"/>
                </a:cubicBezTo>
                <a:close/>
                <a:moveTo>
                  <a:pt x="245" y="464"/>
                </a:moveTo>
                <a:cubicBezTo>
                  <a:pt x="245" y="458"/>
                  <a:pt x="245" y="464"/>
                  <a:pt x="245" y="458"/>
                </a:cubicBezTo>
                <a:cubicBezTo>
                  <a:pt x="245" y="464"/>
                  <a:pt x="245" y="464"/>
                  <a:pt x="245" y="464"/>
                </a:cubicBezTo>
                <a:cubicBezTo>
                  <a:pt x="245" y="464"/>
                  <a:pt x="245" y="464"/>
                  <a:pt x="245" y="464"/>
                </a:cubicBezTo>
                <a:close/>
                <a:moveTo>
                  <a:pt x="1243" y="1042"/>
                </a:moveTo>
                <a:cubicBezTo>
                  <a:pt x="1243" y="1035"/>
                  <a:pt x="1243" y="1035"/>
                  <a:pt x="1243" y="1035"/>
                </a:cubicBezTo>
                <a:cubicBezTo>
                  <a:pt x="1243" y="1042"/>
                  <a:pt x="1243" y="1042"/>
                  <a:pt x="1243" y="1042"/>
                </a:cubicBezTo>
                <a:close/>
                <a:moveTo>
                  <a:pt x="1287" y="1022"/>
                </a:moveTo>
                <a:cubicBezTo>
                  <a:pt x="1287" y="1022"/>
                  <a:pt x="1293" y="1022"/>
                  <a:pt x="1300" y="1016"/>
                </a:cubicBezTo>
                <a:cubicBezTo>
                  <a:pt x="1306" y="1016"/>
                  <a:pt x="1312" y="1003"/>
                  <a:pt x="1325" y="997"/>
                </a:cubicBezTo>
                <a:cubicBezTo>
                  <a:pt x="1312" y="1003"/>
                  <a:pt x="1300" y="1016"/>
                  <a:pt x="1287" y="1022"/>
                </a:cubicBezTo>
                <a:close/>
                <a:moveTo>
                  <a:pt x="1224" y="1042"/>
                </a:moveTo>
                <a:cubicBezTo>
                  <a:pt x="1243" y="1042"/>
                  <a:pt x="1237" y="1042"/>
                  <a:pt x="1243" y="1042"/>
                </a:cubicBezTo>
                <a:cubicBezTo>
                  <a:pt x="1237" y="1042"/>
                  <a:pt x="1237" y="1042"/>
                  <a:pt x="1237" y="1042"/>
                </a:cubicBezTo>
                <a:cubicBezTo>
                  <a:pt x="1224" y="1042"/>
                  <a:pt x="1224" y="1042"/>
                  <a:pt x="1224" y="1042"/>
                </a:cubicBezTo>
                <a:close/>
                <a:moveTo>
                  <a:pt x="1237" y="1042"/>
                </a:moveTo>
                <a:cubicBezTo>
                  <a:pt x="1237" y="1042"/>
                  <a:pt x="1237" y="1042"/>
                  <a:pt x="1243" y="1042"/>
                </a:cubicBezTo>
                <a:cubicBezTo>
                  <a:pt x="1237" y="1042"/>
                  <a:pt x="1237" y="1042"/>
                  <a:pt x="1237" y="1042"/>
                </a:cubicBezTo>
                <a:close/>
                <a:moveTo>
                  <a:pt x="1425" y="959"/>
                </a:moveTo>
                <a:cubicBezTo>
                  <a:pt x="1425" y="959"/>
                  <a:pt x="1425" y="959"/>
                  <a:pt x="1425" y="959"/>
                </a:cubicBezTo>
                <a:cubicBezTo>
                  <a:pt x="1425" y="959"/>
                  <a:pt x="1425" y="959"/>
                  <a:pt x="1425" y="959"/>
                </a:cubicBezTo>
                <a:close/>
                <a:moveTo>
                  <a:pt x="672" y="267"/>
                </a:moveTo>
                <a:cubicBezTo>
                  <a:pt x="685" y="267"/>
                  <a:pt x="691" y="267"/>
                  <a:pt x="691" y="267"/>
                </a:cubicBezTo>
                <a:cubicBezTo>
                  <a:pt x="672" y="267"/>
                  <a:pt x="672" y="267"/>
                  <a:pt x="672" y="267"/>
                </a:cubicBezTo>
                <a:close/>
                <a:moveTo>
                  <a:pt x="1425" y="959"/>
                </a:moveTo>
                <a:cubicBezTo>
                  <a:pt x="1425" y="959"/>
                  <a:pt x="1425" y="959"/>
                  <a:pt x="1425" y="959"/>
                </a:cubicBezTo>
                <a:cubicBezTo>
                  <a:pt x="1419" y="959"/>
                  <a:pt x="1419" y="959"/>
                  <a:pt x="1419" y="959"/>
                </a:cubicBezTo>
                <a:cubicBezTo>
                  <a:pt x="1425" y="959"/>
                  <a:pt x="1425" y="959"/>
                  <a:pt x="1425" y="959"/>
                </a:cubicBezTo>
                <a:close/>
                <a:moveTo>
                  <a:pt x="904" y="223"/>
                </a:moveTo>
                <a:cubicBezTo>
                  <a:pt x="910" y="223"/>
                  <a:pt x="910" y="223"/>
                  <a:pt x="910" y="223"/>
                </a:cubicBezTo>
                <a:cubicBezTo>
                  <a:pt x="910" y="223"/>
                  <a:pt x="910" y="223"/>
                  <a:pt x="917" y="223"/>
                </a:cubicBezTo>
                <a:cubicBezTo>
                  <a:pt x="910" y="223"/>
                  <a:pt x="910" y="223"/>
                  <a:pt x="904" y="223"/>
                </a:cubicBezTo>
                <a:close/>
                <a:moveTo>
                  <a:pt x="1325" y="997"/>
                </a:moveTo>
                <a:cubicBezTo>
                  <a:pt x="1331" y="997"/>
                  <a:pt x="1331" y="997"/>
                  <a:pt x="1331" y="997"/>
                </a:cubicBezTo>
                <a:cubicBezTo>
                  <a:pt x="1331" y="997"/>
                  <a:pt x="1331" y="997"/>
                  <a:pt x="1325" y="997"/>
                </a:cubicBezTo>
                <a:close/>
                <a:moveTo>
                  <a:pt x="1431" y="953"/>
                </a:moveTo>
                <a:cubicBezTo>
                  <a:pt x="1431" y="953"/>
                  <a:pt x="1431" y="953"/>
                  <a:pt x="1431" y="953"/>
                </a:cubicBezTo>
                <a:cubicBezTo>
                  <a:pt x="1431" y="953"/>
                  <a:pt x="1431" y="959"/>
                  <a:pt x="1425" y="959"/>
                </a:cubicBezTo>
                <a:cubicBezTo>
                  <a:pt x="1431" y="959"/>
                  <a:pt x="1431" y="953"/>
                  <a:pt x="1431" y="953"/>
                </a:cubicBezTo>
                <a:close/>
                <a:moveTo>
                  <a:pt x="1425" y="959"/>
                </a:moveTo>
                <a:cubicBezTo>
                  <a:pt x="1431" y="953"/>
                  <a:pt x="1438" y="953"/>
                  <a:pt x="1444" y="946"/>
                </a:cubicBezTo>
                <a:cubicBezTo>
                  <a:pt x="1438" y="953"/>
                  <a:pt x="1431" y="953"/>
                  <a:pt x="1425" y="959"/>
                </a:cubicBezTo>
                <a:close/>
                <a:moveTo>
                  <a:pt x="157" y="534"/>
                </a:moveTo>
                <a:cubicBezTo>
                  <a:pt x="145" y="546"/>
                  <a:pt x="139" y="553"/>
                  <a:pt x="132" y="559"/>
                </a:cubicBezTo>
                <a:cubicBezTo>
                  <a:pt x="139" y="553"/>
                  <a:pt x="145" y="553"/>
                  <a:pt x="145" y="546"/>
                </a:cubicBezTo>
                <a:cubicBezTo>
                  <a:pt x="157" y="534"/>
                  <a:pt x="151" y="540"/>
                  <a:pt x="157" y="534"/>
                </a:cubicBezTo>
                <a:close/>
                <a:moveTo>
                  <a:pt x="1011" y="32"/>
                </a:moveTo>
                <a:cubicBezTo>
                  <a:pt x="1017" y="32"/>
                  <a:pt x="1017" y="32"/>
                  <a:pt x="1023" y="32"/>
                </a:cubicBezTo>
                <a:cubicBezTo>
                  <a:pt x="1017" y="32"/>
                  <a:pt x="1011" y="32"/>
                  <a:pt x="1011" y="32"/>
                </a:cubicBezTo>
                <a:close/>
                <a:moveTo>
                  <a:pt x="998" y="32"/>
                </a:moveTo>
                <a:cubicBezTo>
                  <a:pt x="998" y="32"/>
                  <a:pt x="998" y="32"/>
                  <a:pt x="1011" y="32"/>
                </a:cubicBezTo>
                <a:cubicBezTo>
                  <a:pt x="998" y="32"/>
                  <a:pt x="998" y="32"/>
                  <a:pt x="998" y="32"/>
                </a:cubicBezTo>
                <a:close/>
                <a:moveTo>
                  <a:pt x="779" y="39"/>
                </a:moveTo>
                <a:cubicBezTo>
                  <a:pt x="760" y="39"/>
                  <a:pt x="766" y="39"/>
                  <a:pt x="766" y="39"/>
                </a:cubicBezTo>
                <a:cubicBezTo>
                  <a:pt x="754" y="45"/>
                  <a:pt x="741" y="45"/>
                  <a:pt x="728" y="45"/>
                </a:cubicBezTo>
                <a:cubicBezTo>
                  <a:pt x="741" y="45"/>
                  <a:pt x="747" y="45"/>
                  <a:pt x="779" y="39"/>
                </a:cubicBezTo>
                <a:close/>
                <a:moveTo>
                  <a:pt x="1387" y="83"/>
                </a:moveTo>
                <a:cubicBezTo>
                  <a:pt x="1387" y="83"/>
                  <a:pt x="1387" y="83"/>
                  <a:pt x="1387" y="83"/>
                </a:cubicBezTo>
                <a:cubicBezTo>
                  <a:pt x="1381" y="83"/>
                  <a:pt x="1381" y="83"/>
                  <a:pt x="1381" y="83"/>
                </a:cubicBezTo>
                <a:cubicBezTo>
                  <a:pt x="1387" y="83"/>
                  <a:pt x="1387" y="83"/>
                  <a:pt x="1387" y="83"/>
                </a:cubicBezTo>
                <a:close/>
                <a:moveTo>
                  <a:pt x="327" y="400"/>
                </a:moveTo>
                <a:cubicBezTo>
                  <a:pt x="333" y="394"/>
                  <a:pt x="333" y="394"/>
                  <a:pt x="333" y="394"/>
                </a:cubicBezTo>
                <a:cubicBezTo>
                  <a:pt x="327" y="394"/>
                  <a:pt x="327" y="400"/>
                  <a:pt x="327" y="400"/>
                </a:cubicBezTo>
                <a:close/>
                <a:moveTo>
                  <a:pt x="892" y="39"/>
                </a:moveTo>
                <a:cubicBezTo>
                  <a:pt x="904" y="39"/>
                  <a:pt x="904" y="39"/>
                  <a:pt x="904" y="39"/>
                </a:cubicBezTo>
                <a:cubicBezTo>
                  <a:pt x="904" y="39"/>
                  <a:pt x="904" y="39"/>
                  <a:pt x="892" y="39"/>
                </a:cubicBezTo>
                <a:close/>
                <a:moveTo>
                  <a:pt x="873" y="39"/>
                </a:moveTo>
                <a:cubicBezTo>
                  <a:pt x="873" y="39"/>
                  <a:pt x="879" y="39"/>
                  <a:pt x="885" y="39"/>
                </a:cubicBezTo>
                <a:cubicBezTo>
                  <a:pt x="879" y="39"/>
                  <a:pt x="879" y="39"/>
                  <a:pt x="873" y="39"/>
                </a:cubicBezTo>
                <a:close/>
                <a:moveTo>
                  <a:pt x="1262" y="51"/>
                </a:moveTo>
                <a:cubicBezTo>
                  <a:pt x="1268" y="51"/>
                  <a:pt x="1274" y="51"/>
                  <a:pt x="1274" y="51"/>
                </a:cubicBezTo>
                <a:cubicBezTo>
                  <a:pt x="1281" y="51"/>
                  <a:pt x="1287" y="51"/>
                  <a:pt x="1300" y="58"/>
                </a:cubicBezTo>
                <a:cubicBezTo>
                  <a:pt x="1262" y="51"/>
                  <a:pt x="1262" y="51"/>
                  <a:pt x="1262" y="51"/>
                </a:cubicBezTo>
                <a:close/>
                <a:moveTo>
                  <a:pt x="885" y="26"/>
                </a:moveTo>
                <a:cubicBezTo>
                  <a:pt x="879" y="26"/>
                  <a:pt x="879" y="26"/>
                  <a:pt x="873" y="26"/>
                </a:cubicBezTo>
                <a:cubicBezTo>
                  <a:pt x="885" y="26"/>
                  <a:pt x="885" y="26"/>
                  <a:pt x="885" y="26"/>
                </a:cubicBezTo>
                <a:close/>
                <a:moveTo>
                  <a:pt x="860" y="32"/>
                </a:moveTo>
                <a:cubicBezTo>
                  <a:pt x="867" y="32"/>
                  <a:pt x="867" y="32"/>
                  <a:pt x="867" y="32"/>
                </a:cubicBezTo>
                <a:cubicBezTo>
                  <a:pt x="885" y="26"/>
                  <a:pt x="904" y="26"/>
                  <a:pt x="910" y="26"/>
                </a:cubicBezTo>
                <a:cubicBezTo>
                  <a:pt x="860" y="32"/>
                  <a:pt x="860" y="32"/>
                  <a:pt x="860" y="32"/>
                </a:cubicBezTo>
                <a:close/>
                <a:moveTo>
                  <a:pt x="816" y="32"/>
                </a:moveTo>
                <a:cubicBezTo>
                  <a:pt x="816" y="32"/>
                  <a:pt x="816" y="32"/>
                  <a:pt x="810" y="32"/>
                </a:cubicBezTo>
                <a:cubicBezTo>
                  <a:pt x="835" y="32"/>
                  <a:pt x="854" y="32"/>
                  <a:pt x="860" y="26"/>
                </a:cubicBezTo>
                <a:cubicBezTo>
                  <a:pt x="841" y="32"/>
                  <a:pt x="816" y="32"/>
                  <a:pt x="791" y="39"/>
                </a:cubicBezTo>
                <a:cubicBezTo>
                  <a:pt x="797" y="39"/>
                  <a:pt x="804" y="39"/>
                  <a:pt x="816" y="32"/>
                </a:cubicBezTo>
                <a:close/>
                <a:moveTo>
                  <a:pt x="936" y="32"/>
                </a:moveTo>
                <a:cubicBezTo>
                  <a:pt x="942" y="32"/>
                  <a:pt x="948" y="32"/>
                  <a:pt x="954" y="26"/>
                </a:cubicBezTo>
                <a:cubicBezTo>
                  <a:pt x="942" y="26"/>
                  <a:pt x="936" y="32"/>
                  <a:pt x="923" y="32"/>
                </a:cubicBezTo>
                <a:cubicBezTo>
                  <a:pt x="936" y="32"/>
                  <a:pt x="923" y="32"/>
                  <a:pt x="936" y="32"/>
                </a:cubicBezTo>
                <a:close/>
                <a:moveTo>
                  <a:pt x="904" y="39"/>
                </a:moveTo>
                <a:cubicBezTo>
                  <a:pt x="910" y="39"/>
                  <a:pt x="910" y="39"/>
                  <a:pt x="910" y="39"/>
                </a:cubicBezTo>
                <a:cubicBezTo>
                  <a:pt x="910" y="39"/>
                  <a:pt x="910" y="39"/>
                  <a:pt x="904" y="39"/>
                </a:cubicBezTo>
                <a:close/>
                <a:moveTo>
                  <a:pt x="1419" y="96"/>
                </a:moveTo>
                <a:cubicBezTo>
                  <a:pt x="1412" y="89"/>
                  <a:pt x="1406" y="89"/>
                  <a:pt x="1387" y="83"/>
                </a:cubicBezTo>
                <a:cubicBezTo>
                  <a:pt x="1394" y="83"/>
                  <a:pt x="1394" y="83"/>
                  <a:pt x="1400" y="89"/>
                </a:cubicBezTo>
                <a:cubicBezTo>
                  <a:pt x="1400" y="89"/>
                  <a:pt x="1400" y="89"/>
                  <a:pt x="1419" y="96"/>
                </a:cubicBezTo>
                <a:close/>
                <a:moveTo>
                  <a:pt x="829" y="223"/>
                </a:moveTo>
                <a:cubicBezTo>
                  <a:pt x="816" y="223"/>
                  <a:pt x="797" y="229"/>
                  <a:pt x="829" y="223"/>
                </a:cubicBezTo>
                <a:close/>
                <a:moveTo>
                  <a:pt x="1431" y="102"/>
                </a:moveTo>
                <a:cubicBezTo>
                  <a:pt x="1444" y="115"/>
                  <a:pt x="1463" y="115"/>
                  <a:pt x="1469" y="121"/>
                </a:cubicBezTo>
                <a:cubicBezTo>
                  <a:pt x="1456" y="115"/>
                  <a:pt x="1444" y="115"/>
                  <a:pt x="1431" y="102"/>
                </a:cubicBezTo>
                <a:cubicBezTo>
                  <a:pt x="1431" y="102"/>
                  <a:pt x="1431" y="102"/>
                  <a:pt x="1431" y="102"/>
                </a:cubicBezTo>
                <a:close/>
                <a:moveTo>
                  <a:pt x="986" y="229"/>
                </a:moveTo>
                <a:cubicBezTo>
                  <a:pt x="973" y="229"/>
                  <a:pt x="967" y="235"/>
                  <a:pt x="961" y="235"/>
                </a:cubicBezTo>
                <a:cubicBezTo>
                  <a:pt x="954" y="235"/>
                  <a:pt x="954" y="235"/>
                  <a:pt x="954" y="235"/>
                </a:cubicBezTo>
                <a:cubicBezTo>
                  <a:pt x="986" y="229"/>
                  <a:pt x="986" y="229"/>
                  <a:pt x="986" y="229"/>
                </a:cubicBezTo>
                <a:close/>
                <a:moveTo>
                  <a:pt x="1494" y="127"/>
                </a:moveTo>
                <a:cubicBezTo>
                  <a:pt x="1494" y="134"/>
                  <a:pt x="1494" y="134"/>
                  <a:pt x="1500" y="134"/>
                </a:cubicBezTo>
                <a:cubicBezTo>
                  <a:pt x="1494" y="134"/>
                  <a:pt x="1494" y="134"/>
                  <a:pt x="1494" y="127"/>
                </a:cubicBezTo>
                <a:cubicBezTo>
                  <a:pt x="1494" y="127"/>
                  <a:pt x="1494" y="127"/>
                  <a:pt x="1494" y="127"/>
                </a:cubicBezTo>
                <a:close/>
                <a:moveTo>
                  <a:pt x="810" y="229"/>
                </a:moveTo>
                <a:cubicBezTo>
                  <a:pt x="810" y="229"/>
                  <a:pt x="810" y="229"/>
                  <a:pt x="810" y="229"/>
                </a:cubicBezTo>
                <a:cubicBezTo>
                  <a:pt x="810" y="229"/>
                  <a:pt x="810" y="229"/>
                  <a:pt x="810" y="229"/>
                </a:cubicBezTo>
                <a:cubicBezTo>
                  <a:pt x="810" y="229"/>
                  <a:pt x="810" y="229"/>
                  <a:pt x="810" y="229"/>
                </a:cubicBezTo>
                <a:close/>
                <a:moveTo>
                  <a:pt x="327" y="400"/>
                </a:moveTo>
                <a:cubicBezTo>
                  <a:pt x="327" y="400"/>
                  <a:pt x="327" y="400"/>
                  <a:pt x="327" y="400"/>
                </a:cubicBezTo>
                <a:cubicBezTo>
                  <a:pt x="327" y="400"/>
                  <a:pt x="327" y="400"/>
                  <a:pt x="327" y="400"/>
                </a:cubicBezTo>
                <a:cubicBezTo>
                  <a:pt x="327" y="400"/>
                  <a:pt x="327" y="400"/>
                  <a:pt x="327" y="400"/>
                </a:cubicBezTo>
                <a:close/>
                <a:moveTo>
                  <a:pt x="327" y="400"/>
                </a:moveTo>
                <a:cubicBezTo>
                  <a:pt x="314" y="407"/>
                  <a:pt x="308" y="419"/>
                  <a:pt x="295" y="426"/>
                </a:cubicBezTo>
                <a:cubicBezTo>
                  <a:pt x="302" y="419"/>
                  <a:pt x="314" y="407"/>
                  <a:pt x="321" y="407"/>
                </a:cubicBezTo>
                <a:cubicBezTo>
                  <a:pt x="321" y="400"/>
                  <a:pt x="321" y="400"/>
                  <a:pt x="327" y="400"/>
                </a:cubicBezTo>
                <a:close/>
                <a:moveTo>
                  <a:pt x="1463" y="115"/>
                </a:moveTo>
                <a:cubicBezTo>
                  <a:pt x="1463" y="115"/>
                  <a:pt x="1463" y="115"/>
                  <a:pt x="1456" y="115"/>
                </a:cubicBezTo>
                <a:cubicBezTo>
                  <a:pt x="1463" y="115"/>
                  <a:pt x="1469" y="121"/>
                  <a:pt x="1475" y="121"/>
                </a:cubicBezTo>
                <a:cubicBezTo>
                  <a:pt x="1475" y="121"/>
                  <a:pt x="1475" y="121"/>
                  <a:pt x="1475" y="121"/>
                </a:cubicBezTo>
                <a:cubicBezTo>
                  <a:pt x="1469" y="121"/>
                  <a:pt x="1469" y="121"/>
                  <a:pt x="1469" y="121"/>
                </a:cubicBezTo>
                <a:cubicBezTo>
                  <a:pt x="1475" y="121"/>
                  <a:pt x="1475" y="121"/>
                  <a:pt x="1475" y="121"/>
                </a:cubicBezTo>
                <a:cubicBezTo>
                  <a:pt x="1475" y="121"/>
                  <a:pt x="1475" y="121"/>
                  <a:pt x="1475" y="121"/>
                </a:cubicBezTo>
                <a:cubicBezTo>
                  <a:pt x="1475" y="121"/>
                  <a:pt x="1475" y="121"/>
                  <a:pt x="1475" y="121"/>
                </a:cubicBezTo>
                <a:cubicBezTo>
                  <a:pt x="1482" y="127"/>
                  <a:pt x="1494" y="134"/>
                  <a:pt x="1507" y="140"/>
                </a:cubicBezTo>
                <a:cubicBezTo>
                  <a:pt x="1500" y="134"/>
                  <a:pt x="1494" y="134"/>
                  <a:pt x="1482" y="127"/>
                </a:cubicBezTo>
                <a:cubicBezTo>
                  <a:pt x="1488" y="127"/>
                  <a:pt x="1494" y="127"/>
                  <a:pt x="1494" y="127"/>
                </a:cubicBezTo>
                <a:cubicBezTo>
                  <a:pt x="1482" y="121"/>
                  <a:pt x="1463" y="115"/>
                  <a:pt x="1444" y="102"/>
                </a:cubicBezTo>
                <a:cubicBezTo>
                  <a:pt x="1444" y="102"/>
                  <a:pt x="1444" y="102"/>
                  <a:pt x="1463" y="115"/>
                </a:cubicBezTo>
                <a:close/>
                <a:moveTo>
                  <a:pt x="1431" y="102"/>
                </a:moveTo>
                <a:cubicBezTo>
                  <a:pt x="1406" y="89"/>
                  <a:pt x="1387" y="83"/>
                  <a:pt x="1369" y="77"/>
                </a:cubicBezTo>
                <a:cubicBezTo>
                  <a:pt x="1381" y="83"/>
                  <a:pt x="1394" y="83"/>
                  <a:pt x="1400" y="89"/>
                </a:cubicBezTo>
                <a:cubicBezTo>
                  <a:pt x="1406" y="89"/>
                  <a:pt x="1419" y="96"/>
                  <a:pt x="1419" y="96"/>
                </a:cubicBezTo>
                <a:cubicBezTo>
                  <a:pt x="1425" y="102"/>
                  <a:pt x="1425" y="102"/>
                  <a:pt x="1431" y="102"/>
                </a:cubicBezTo>
                <a:cubicBezTo>
                  <a:pt x="1431" y="102"/>
                  <a:pt x="1431" y="102"/>
                  <a:pt x="1431" y="102"/>
                </a:cubicBezTo>
                <a:close/>
                <a:moveTo>
                  <a:pt x="565" y="286"/>
                </a:moveTo>
                <a:cubicBezTo>
                  <a:pt x="572" y="286"/>
                  <a:pt x="572" y="286"/>
                  <a:pt x="572" y="286"/>
                </a:cubicBezTo>
                <a:cubicBezTo>
                  <a:pt x="553" y="292"/>
                  <a:pt x="540" y="299"/>
                  <a:pt x="534" y="299"/>
                </a:cubicBezTo>
                <a:cubicBezTo>
                  <a:pt x="540" y="299"/>
                  <a:pt x="540" y="299"/>
                  <a:pt x="540" y="299"/>
                </a:cubicBezTo>
                <a:cubicBezTo>
                  <a:pt x="546" y="292"/>
                  <a:pt x="553" y="292"/>
                  <a:pt x="565" y="286"/>
                </a:cubicBezTo>
                <a:close/>
                <a:moveTo>
                  <a:pt x="1444" y="102"/>
                </a:moveTo>
                <a:cubicBezTo>
                  <a:pt x="1431" y="102"/>
                  <a:pt x="1438" y="102"/>
                  <a:pt x="1431" y="96"/>
                </a:cubicBezTo>
                <a:cubicBezTo>
                  <a:pt x="1431" y="102"/>
                  <a:pt x="1431" y="102"/>
                  <a:pt x="1431" y="102"/>
                </a:cubicBezTo>
                <a:cubicBezTo>
                  <a:pt x="1438" y="102"/>
                  <a:pt x="1444" y="102"/>
                  <a:pt x="1456" y="115"/>
                </a:cubicBezTo>
                <a:cubicBezTo>
                  <a:pt x="1444" y="102"/>
                  <a:pt x="1444" y="102"/>
                  <a:pt x="1444" y="102"/>
                </a:cubicBezTo>
                <a:close/>
                <a:moveTo>
                  <a:pt x="1325" y="70"/>
                </a:moveTo>
                <a:cubicBezTo>
                  <a:pt x="1325" y="70"/>
                  <a:pt x="1325" y="70"/>
                  <a:pt x="1318" y="70"/>
                </a:cubicBezTo>
                <a:cubicBezTo>
                  <a:pt x="1331" y="70"/>
                  <a:pt x="1350" y="77"/>
                  <a:pt x="1362" y="77"/>
                </a:cubicBezTo>
                <a:cubicBezTo>
                  <a:pt x="1356" y="77"/>
                  <a:pt x="1337" y="70"/>
                  <a:pt x="1325" y="70"/>
                </a:cubicBezTo>
                <a:close/>
                <a:moveTo>
                  <a:pt x="628" y="70"/>
                </a:moveTo>
                <a:cubicBezTo>
                  <a:pt x="641" y="64"/>
                  <a:pt x="647" y="64"/>
                  <a:pt x="647" y="64"/>
                </a:cubicBezTo>
                <a:cubicBezTo>
                  <a:pt x="647" y="64"/>
                  <a:pt x="647" y="64"/>
                  <a:pt x="647" y="64"/>
                </a:cubicBezTo>
                <a:cubicBezTo>
                  <a:pt x="641" y="64"/>
                  <a:pt x="634" y="70"/>
                  <a:pt x="628" y="70"/>
                </a:cubicBezTo>
                <a:close/>
                <a:moveTo>
                  <a:pt x="659" y="64"/>
                </a:moveTo>
                <a:cubicBezTo>
                  <a:pt x="653" y="64"/>
                  <a:pt x="634" y="70"/>
                  <a:pt x="659" y="64"/>
                </a:cubicBezTo>
                <a:close/>
                <a:moveTo>
                  <a:pt x="0" y="845"/>
                </a:moveTo>
                <a:cubicBezTo>
                  <a:pt x="0" y="851"/>
                  <a:pt x="13" y="851"/>
                  <a:pt x="13" y="857"/>
                </a:cubicBezTo>
                <a:cubicBezTo>
                  <a:pt x="0" y="851"/>
                  <a:pt x="0" y="845"/>
                  <a:pt x="0" y="845"/>
                </a:cubicBezTo>
                <a:close/>
                <a:moveTo>
                  <a:pt x="19" y="889"/>
                </a:moveTo>
                <a:cubicBezTo>
                  <a:pt x="19" y="889"/>
                  <a:pt x="19" y="889"/>
                  <a:pt x="19" y="883"/>
                </a:cubicBezTo>
                <a:cubicBezTo>
                  <a:pt x="19" y="883"/>
                  <a:pt x="19" y="883"/>
                  <a:pt x="19" y="889"/>
                </a:cubicBezTo>
                <a:cubicBezTo>
                  <a:pt x="19" y="883"/>
                  <a:pt x="19" y="883"/>
                  <a:pt x="19" y="883"/>
                </a:cubicBezTo>
                <a:cubicBezTo>
                  <a:pt x="13" y="876"/>
                  <a:pt x="13" y="876"/>
                  <a:pt x="13" y="870"/>
                </a:cubicBezTo>
                <a:cubicBezTo>
                  <a:pt x="13" y="870"/>
                  <a:pt x="13" y="870"/>
                  <a:pt x="13" y="870"/>
                </a:cubicBezTo>
                <a:cubicBezTo>
                  <a:pt x="13" y="864"/>
                  <a:pt x="13" y="864"/>
                  <a:pt x="13" y="864"/>
                </a:cubicBezTo>
                <a:cubicBezTo>
                  <a:pt x="13" y="870"/>
                  <a:pt x="13" y="870"/>
                  <a:pt x="13" y="870"/>
                </a:cubicBezTo>
                <a:cubicBezTo>
                  <a:pt x="13" y="876"/>
                  <a:pt x="13" y="883"/>
                  <a:pt x="19" y="896"/>
                </a:cubicBezTo>
                <a:cubicBezTo>
                  <a:pt x="19" y="889"/>
                  <a:pt x="19" y="889"/>
                  <a:pt x="13" y="889"/>
                </a:cubicBezTo>
                <a:cubicBezTo>
                  <a:pt x="19" y="896"/>
                  <a:pt x="19" y="902"/>
                  <a:pt x="26" y="908"/>
                </a:cubicBezTo>
                <a:cubicBezTo>
                  <a:pt x="26" y="908"/>
                  <a:pt x="26" y="908"/>
                  <a:pt x="26" y="921"/>
                </a:cubicBezTo>
                <a:cubicBezTo>
                  <a:pt x="26" y="908"/>
                  <a:pt x="26" y="908"/>
                  <a:pt x="26" y="908"/>
                </a:cubicBezTo>
                <a:cubicBezTo>
                  <a:pt x="26" y="921"/>
                  <a:pt x="26" y="927"/>
                  <a:pt x="32" y="927"/>
                </a:cubicBezTo>
                <a:cubicBezTo>
                  <a:pt x="26" y="908"/>
                  <a:pt x="19" y="902"/>
                  <a:pt x="19" y="902"/>
                </a:cubicBezTo>
                <a:cubicBezTo>
                  <a:pt x="19" y="896"/>
                  <a:pt x="19" y="896"/>
                  <a:pt x="19" y="896"/>
                </a:cubicBezTo>
                <a:cubicBezTo>
                  <a:pt x="19" y="902"/>
                  <a:pt x="26" y="908"/>
                  <a:pt x="32" y="927"/>
                </a:cubicBezTo>
                <a:cubicBezTo>
                  <a:pt x="26" y="908"/>
                  <a:pt x="19" y="896"/>
                  <a:pt x="19" y="889"/>
                </a:cubicBezTo>
                <a:cubicBezTo>
                  <a:pt x="19" y="889"/>
                  <a:pt x="19" y="889"/>
                  <a:pt x="19" y="889"/>
                </a:cubicBezTo>
                <a:close/>
                <a:moveTo>
                  <a:pt x="13" y="857"/>
                </a:moveTo>
                <a:cubicBezTo>
                  <a:pt x="13" y="864"/>
                  <a:pt x="13" y="864"/>
                  <a:pt x="13" y="864"/>
                </a:cubicBezTo>
                <a:cubicBezTo>
                  <a:pt x="13" y="864"/>
                  <a:pt x="13" y="864"/>
                  <a:pt x="13" y="857"/>
                </a:cubicBezTo>
                <a:cubicBezTo>
                  <a:pt x="13" y="857"/>
                  <a:pt x="13" y="857"/>
                  <a:pt x="13" y="857"/>
                </a:cubicBezTo>
                <a:close/>
                <a:moveTo>
                  <a:pt x="327" y="445"/>
                </a:moveTo>
                <a:cubicBezTo>
                  <a:pt x="327" y="445"/>
                  <a:pt x="327" y="445"/>
                  <a:pt x="333" y="445"/>
                </a:cubicBezTo>
                <a:cubicBezTo>
                  <a:pt x="327" y="445"/>
                  <a:pt x="327" y="445"/>
                  <a:pt x="327" y="445"/>
                </a:cubicBezTo>
                <a:close/>
                <a:moveTo>
                  <a:pt x="321" y="451"/>
                </a:moveTo>
                <a:cubicBezTo>
                  <a:pt x="321" y="451"/>
                  <a:pt x="321" y="451"/>
                  <a:pt x="327" y="445"/>
                </a:cubicBezTo>
                <a:cubicBezTo>
                  <a:pt x="327" y="445"/>
                  <a:pt x="327" y="445"/>
                  <a:pt x="321" y="451"/>
                </a:cubicBezTo>
                <a:close/>
                <a:moveTo>
                  <a:pt x="1714" y="356"/>
                </a:moveTo>
                <a:cubicBezTo>
                  <a:pt x="1707" y="350"/>
                  <a:pt x="1707" y="350"/>
                  <a:pt x="1707" y="350"/>
                </a:cubicBezTo>
                <a:cubicBezTo>
                  <a:pt x="1707" y="343"/>
                  <a:pt x="1707" y="337"/>
                  <a:pt x="1701" y="331"/>
                </a:cubicBezTo>
                <a:cubicBezTo>
                  <a:pt x="1701" y="331"/>
                  <a:pt x="1701" y="331"/>
                  <a:pt x="1701" y="331"/>
                </a:cubicBezTo>
                <a:cubicBezTo>
                  <a:pt x="1701" y="324"/>
                  <a:pt x="1695" y="324"/>
                  <a:pt x="1695" y="318"/>
                </a:cubicBezTo>
                <a:cubicBezTo>
                  <a:pt x="1695" y="318"/>
                  <a:pt x="1701" y="324"/>
                  <a:pt x="1701" y="331"/>
                </a:cubicBezTo>
                <a:cubicBezTo>
                  <a:pt x="1701" y="331"/>
                  <a:pt x="1701" y="331"/>
                  <a:pt x="1701" y="331"/>
                </a:cubicBezTo>
                <a:cubicBezTo>
                  <a:pt x="1701" y="331"/>
                  <a:pt x="1701" y="331"/>
                  <a:pt x="1701" y="331"/>
                </a:cubicBezTo>
                <a:cubicBezTo>
                  <a:pt x="1707" y="337"/>
                  <a:pt x="1707" y="350"/>
                  <a:pt x="1714" y="356"/>
                </a:cubicBezTo>
                <a:close/>
                <a:moveTo>
                  <a:pt x="1664" y="273"/>
                </a:moveTo>
                <a:cubicBezTo>
                  <a:pt x="1664" y="273"/>
                  <a:pt x="1664" y="267"/>
                  <a:pt x="1657" y="267"/>
                </a:cubicBezTo>
                <a:cubicBezTo>
                  <a:pt x="1651" y="254"/>
                  <a:pt x="1651" y="261"/>
                  <a:pt x="1664" y="267"/>
                </a:cubicBezTo>
                <a:cubicBezTo>
                  <a:pt x="1670" y="280"/>
                  <a:pt x="1664" y="273"/>
                  <a:pt x="1664" y="273"/>
                </a:cubicBezTo>
                <a:close/>
                <a:moveTo>
                  <a:pt x="1695" y="324"/>
                </a:moveTo>
                <a:cubicBezTo>
                  <a:pt x="1701" y="324"/>
                  <a:pt x="1701" y="331"/>
                  <a:pt x="1701" y="331"/>
                </a:cubicBezTo>
                <a:cubicBezTo>
                  <a:pt x="1701" y="331"/>
                  <a:pt x="1701" y="331"/>
                  <a:pt x="1701" y="331"/>
                </a:cubicBezTo>
                <a:cubicBezTo>
                  <a:pt x="1701" y="331"/>
                  <a:pt x="1701" y="331"/>
                  <a:pt x="1695" y="324"/>
                </a:cubicBezTo>
                <a:close/>
                <a:moveTo>
                  <a:pt x="1739" y="540"/>
                </a:moveTo>
                <a:cubicBezTo>
                  <a:pt x="1739" y="572"/>
                  <a:pt x="1739" y="572"/>
                  <a:pt x="1739" y="572"/>
                </a:cubicBezTo>
                <a:cubicBezTo>
                  <a:pt x="1739" y="553"/>
                  <a:pt x="1739" y="553"/>
                  <a:pt x="1739" y="553"/>
                </a:cubicBezTo>
                <a:cubicBezTo>
                  <a:pt x="1739" y="540"/>
                  <a:pt x="1739" y="540"/>
                  <a:pt x="1739" y="540"/>
                </a:cubicBezTo>
                <a:close/>
                <a:moveTo>
                  <a:pt x="754" y="1124"/>
                </a:moveTo>
                <a:cubicBezTo>
                  <a:pt x="747" y="1124"/>
                  <a:pt x="741" y="1130"/>
                  <a:pt x="735" y="1130"/>
                </a:cubicBezTo>
                <a:cubicBezTo>
                  <a:pt x="741" y="1130"/>
                  <a:pt x="747" y="1124"/>
                  <a:pt x="754" y="1124"/>
                </a:cubicBezTo>
                <a:close/>
                <a:moveTo>
                  <a:pt x="754" y="1124"/>
                </a:moveTo>
                <a:cubicBezTo>
                  <a:pt x="760" y="1124"/>
                  <a:pt x="772" y="1124"/>
                  <a:pt x="791" y="1124"/>
                </a:cubicBezTo>
                <a:cubicBezTo>
                  <a:pt x="766" y="1124"/>
                  <a:pt x="766" y="1124"/>
                  <a:pt x="766" y="1124"/>
                </a:cubicBezTo>
                <a:cubicBezTo>
                  <a:pt x="760" y="1124"/>
                  <a:pt x="760" y="1124"/>
                  <a:pt x="754" y="1124"/>
                </a:cubicBezTo>
                <a:close/>
                <a:moveTo>
                  <a:pt x="1375" y="984"/>
                </a:moveTo>
                <a:cubicBezTo>
                  <a:pt x="1381" y="978"/>
                  <a:pt x="1369" y="984"/>
                  <a:pt x="1394" y="972"/>
                </a:cubicBezTo>
                <a:cubicBezTo>
                  <a:pt x="1394" y="972"/>
                  <a:pt x="1394" y="972"/>
                  <a:pt x="1406" y="965"/>
                </a:cubicBezTo>
                <a:cubicBezTo>
                  <a:pt x="1387" y="978"/>
                  <a:pt x="1381" y="978"/>
                  <a:pt x="1369" y="984"/>
                </a:cubicBezTo>
                <a:cubicBezTo>
                  <a:pt x="1369" y="984"/>
                  <a:pt x="1362" y="991"/>
                  <a:pt x="1375" y="984"/>
                </a:cubicBezTo>
                <a:close/>
                <a:moveTo>
                  <a:pt x="1419" y="959"/>
                </a:moveTo>
                <a:cubicBezTo>
                  <a:pt x="1412" y="965"/>
                  <a:pt x="1412" y="965"/>
                  <a:pt x="1406" y="965"/>
                </a:cubicBezTo>
                <a:cubicBezTo>
                  <a:pt x="1412" y="965"/>
                  <a:pt x="1412" y="965"/>
                  <a:pt x="1419" y="959"/>
                </a:cubicBezTo>
                <a:close/>
                <a:moveTo>
                  <a:pt x="1350" y="997"/>
                </a:moveTo>
                <a:cubicBezTo>
                  <a:pt x="1337" y="997"/>
                  <a:pt x="1337" y="997"/>
                  <a:pt x="1331" y="997"/>
                </a:cubicBezTo>
                <a:cubicBezTo>
                  <a:pt x="1331" y="997"/>
                  <a:pt x="1337" y="997"/>
                  <a:pt x="1350" y="997"/>
                </a:cubicBezTo>
                <a:close/>
                <a:moveTo>
                  <a:pt x="1350" y="991"/>
                </a:moveTo>
                <a:cubicBezTo>
                  <a:pt x="1350" y="997"/>
                  <a:pt x="1350" y="997"/>
                  <a:pt x="1350" y="997"/>
                </a:cubicBezTo>
                <a:cubicBezTo>
                  <a:pt x="1350" y="997"/>
                  <a:pt x="1350" y="997"/>
                  <a:pt x="1350" y="991"/>
                </a:cubicBezTo>
                <a:close/>
                <a:moveTo>
                  <a:pt x="1714" y="356"/>
                </a:moveTo>
                <a:cubicBezTo>
                  <a:pt x="1714" y="350"/>
                  <a:pt x="1707" y="337"/>
                  <a:pt x="1707" y="337"/>
                </a:cubicBezTo>
                <a:cubicBezTo>
                  <a:pt x="1707" y="337"/>
                  <a:pt x="1707" y="337"/>
                  <a:pt x="1707" y="331"/>
                </a:cubicBezTo>
                <a:cubicBezTo>
                  <a:pt x="1707" y="337"/>
                  <a:pt x="1707" y="337"/>
                  <a:pt x="1714" y="350"/>
                </a:cubicBezTo>
                <a:cubicBezTo>
                  <a:pt x="1714" y="356"/>
                  <a:pt x="1714" y="350"/>
                  <a:pt x="1714" y="356"/>
                </a:cubicBezTo>
                <a:close/>
                <a:moveTo>
                  <a:pt x="1720" y="362"/>
                </a:moveTo>
                <a:cubicBezTo>
                  <a:pt x="1714" y="356"/>
                  <a:pt x="1714" y="356"/>
                  <a:pt x="1714" y="356"/>
                </a:cubicBezTo>
                <a:cubicBezTo>
                  <a:pt x="1720" y="356"/>
                  <a:pt x="1720" y="356"/>
                  <a:pt x="1720" y="356"/>
                </a:cubicBezTo>
                <a:cubicBezTo>
                  <a:pt x="1714" y="356"/>
                  <a:pt x="1714" y="350"/>
                  <a:pt x="1714" y="356"/>
                </a:cubicBezTo>
                <a:cubicBezTo>
                  <a:pt x="1714" y="356"/>
                  <a:pt x="1714" y="356"/>
                  <a:pt x="1714" y="356"/>
                </a:cubicBezTo>
                <a:cubicBezTo>
                  <a:pt x="1714" y="356"/>
                  <a:pt x="1714" y="356"/>
                  <a:pt x="1714" y="356"/>
                </a:cubicBezTo>
                <a:cubicBezTo>
                  <a:pt x="1714" y="356"/>
                  <a:pt x="1714" y="356"/>
                  <a:pt x="1720" y="362"/>
                </a:cubicBezTo>
                <a:close/>
                <a:moveTo>
                  <a:pt x="1400" y="972"/>
                </a:moveTo>
                <a:cubicBezTo>
                  <a:pt x="1419" y="959"/>
                  <a:pt x="1419" y="959"/>
                  <a:pt x="1419" y="959"/>
                </a:cubicBezTo>
                <a:cubicBezTo>
                  <a:pt x="1400" y="972"/>
                  <a:pt x="1387" y="978"/>
                  <a:pt x="1400" y="972"/>
                </a:cubicBezTo>
                <a:close/>
                <a:moveTo>
                  <a:pt x="1048" y="223"/>
                </a:moveTo>
                <a:cubicBezTo>
                  <a:pt x="1048" y="223"/>
                  <a:pt x="1048" y="223"/>
                  <a:pt x="1055" y="223"/>
                </a:cubicBezTo>
                <a:cubicBezTo>
                  <a:pt x="1048" y="223"/>
                  <a:pt x="1042" y="223"/>
                  <a:pt x="1042" y="223"/>
                </a:cubicBezTo>
                <a:cubicBezTo>
                  <a:pt x="1042" y="223"/>
                  <a:pt x="1042" y="223"/>
                  <a:pt x="1048" y="223"/>
                </a:cubicBezTo>
                <a:close/>
                <a:moveTo>
                  <a:pt x="1067" y="216"/>
                </a:moveTo>
                <a:cubicBezTo>
                  <a:pt x="1061" y="216"/>
                  <a:pt x="1061" y="216"/>
                  <a:pt x="1055" y="223"/>
                </a:cubicBezTo>
                <a:cubicBezTo>
                  <a:pt x="1067" y="216"/>
                  <a:pt x="1067" y="216"/>
                  <a:pt x="1067" y="216"/>
                </a:cubicBezTo>
                <a:close/>
                <a:moveTo>
                  <a:pt x="986" y="223"/>
                </a:moveTo>
                <a:cubicBezTo>
                  <a:pt x="992" y="223"/>
                  <a:pt x="998" y="223"/>
                  <a:pt x="1017" y="216"/>
                </a:cubicBezTo>
                <a:cubicBezTo>
                  <a:pt x="1011" y="223"/>
                  <a:pt x="992" y="223"/>
                  <a:pt x="986" y="223"/>
                </a:cubicBezTo>
                <a:close/>
                <a:moveTo>
                  <a:pt x="1017" y="216"/>
                </a:moveTo>
                <a:cubicBezTo>
                  <a:pt x="1030" y="216"/>
                  <a:pt x="1036" y="216"/>
                  <a:pt x="1048" y="216"/>
                </a:cubicBezTo>
                <a:cubicBezTo>
                  <a:pt x="1036" y="216"/>
                  <a:pt x="1030" y="216"/>
                  <a:pt x="1017" y="216"/>
                </a:cubicBezTo>
                <a:close/>
                <a:moveTo>
                  <a:pt x="1055" y="216"/>
                </a:moveTo>
                <a:cubicBezTo>
                  <a:pt x="1092" y="216"/>
                  <a:pt x="1099" y="216"/>
                  <a:pt x="1149" y="216"/>
                </a:cubicBezTo>
                <a:cubicBezTo>
                  <a:pt x="1130" y="216"/>
                  <a:pt x="1099" y="216"/>
                  <a:pt x="1074" y="216"/>
                </a:cubicBezTo>
                <a:cubicBezTo>
                  <a:pt x="1067" y="216"/>
                  <a:pt x="1061" y="216"/>
                  <a:pt x="1055" y="216"/>
                </a:cubicBezTo>
                <a:close/>
                <a:moveTo>
                  <a:pt x="1130" y="204"/>
                </a:moveTo>
                <a:cubicBezTo>
                  <a:pt x="1130" y="204"/>
                  <a:pt x="1136" y="204"/>
                  <a:pt x="1143" y="204"/>
                </a:cubicBezTo>
                <a:cubicBezTo>
                  <a:pt x="1155" y="204"/>
                  <a:pt x="1155" y="204"/>
                  <a:pt x="1155" y="204"/>
                </a:cubicBezTo>
                <a:cubicBezTo>
                  <a:pt x="1155" y="204"/>
                  <a:pt x="1155" y="204"/>
                  <a:pt x="1155" y="204"/>
                </a:cubicBezTo>
                <a:cubicBezTo>
                  <a:pt x="1130" y="204"/>
                  <a:pt x="1136" y="204"/>
                  <a:pt x="1105" y="204"/>
                </a:cubicBezTo>
                <a:cubicBezTo>
                  <a:pt x="1105" y="204"/>
                  <a:pt x="1105" y="204"/>
                  <a:pt x="1074" y="204"/>
                </a:cubicBezTo>
                <a:cubicBezTo>
                  <a:pt x="1086" y="204"/>
                  <a:pt x="1092" y="204"/>
                  <a:pt x="1099" y="204"/>
                </a:cubicBezTo>
                <a:cubicBezTo>
                  <a:pt x="1105" y="204"/>
                  <a:pt x="1105" y="204"/>
                  <a:pt x="1111" y="204"/>
                </a:cubicBezTo>
                <a:cubicBezTo>
                  <a:pt x="1118" y="204"/>
                  <a:pt x="1118" y="204"/>
                  <a:pt x="1130" y="204"/>
                </a:cubicBezTo>
                <a:close/>
                <a:moveTo>
                  <a:pt x="948" y="216"/>
                </a:moveTo>
                <a:cubicBezTo>
                  <a:pt x="936" y="216"/>
                  <a:pt x="936" y="216"/>
                  <a:pt x="936" y="216"/>
                </a:cubicBezTo>
                <a:cubicBezTo>
                  <a:pt x="923" y="223"/>
                  <a:pt x="923" y="223"/>
                  <a:pt x="923" y="223"/>
                </a:cubicBezTo>
                <a:cubicBezTo>
                  <a:pt x="948" y="216"/>
                  <a:pt x="948" y="216"/>
                  <a:pt x="948" y="216"/>
                </a:cubicBezTo>
                <a:close/>
                <a:moveTo>
                  <a:pt x="979" y="216"/>
                </a:moveTo>
                <a:cubicBezTo>
                  <a:pt x="986" y="216"/>
                  <a:pt x="986" y="216"/>
                  <a:pt x="986" y="216"/>
                </a:cubicBezTo>
                <a:cubicBezTo>
                  <a:pt x="1023" y="204"/>
                  <a:pt x="1023" y="204"/>
                  <a:pt x="1023" y="204"/>
                </a:cubicBezTo>
                <a:cubicBezTo>
                  <a:pt x="1011" y="204"/>
                  <a:pt x="1011" y="204"/>
                  <a:pt x="1011" y="204"/>
                </a:cubicBezTo>
                <a:cubicBezTo>
                  <a:pt x="979" y="216"/>
                  <a:pt x="979" y="216"/>
                  <a:pt x="979" y="216"/>
                </a:cubicBezTo>
                <a:close/>
                <a:moveTo>
                  <a:pt x="1030" y="204"/>
                </a:moveTo>
                <a:cubicBezTo>
                  <a:pt x="1023" y="204"/>
                  <a:pt x="1023" y="204"/>
                  <a:pt x="1023" y="204"/>
                </a:cubicBezTo>
                <a:cubicBezTo>
                  <a:pt x="1030" y="204"/>
                  <a:pt x="1036" y="204"/>
                  <a:pt x="1042" y="204"/>
                </a:cubicBezTo>
                <a:cubicBezTo>
                  <a:pt x="1042" y="204"/>
                  <a:pt x="1048" y="204"/>
                  <a:pt x="1055" y="204"/>
                </a:cubicBezTo>
                <a:cubicBezTo>
                  <a:pt x="1055" y="204"/>
                  <a:pt x="1055" y="204"/>
                  <a:pt x="1055" y="204"/>
                </a:cubicBezTo>
                <a:cubicBezTo>
                  <a:pt x="998" y="204"/>
                  <a:pt x="1023" y="204"/>
                  <a:pt x="961" y="216"/>
                </a:cubicBezTo>
                <a:cubicBezTo>
                  <a:pt x="942" y="216"/>
                  <a:pt x="948" y="216"/>
                  <a:pt x="936" y="216"/>
                </a:cubicBezTo>
                <a:cubicBezTo>
                  <a:pt x="992" y="216"/>
                  <a:pt x="986" y="204"/>
                  <a:pt x="1030" y="204"/>
                </a:cubicBezTo>
                <a:close/>
                <a:moveTo>
                  <a:pt x="873" y="223"/>
                </a:moveTo>
                <a:cubicBezTo>
                  <a:pt x="892" y="223"/>
                  <a:pt x="892" y="223"/>
                  <a:pt x="892" y="223"/>
                </a:cubicBezTo>
                <a:cubicBezTo>
                  <a:pt x="873" y="223"/>
                  <a:pt x="867" y="223"/>
                  <a:pt x="873" y="223"/>
                </a:cubicBezTo>
                <a:close/>
                <a:moveTo>
                  <a:pt x="823" y="235"/>
                </a:moveTo>
                <a:cubicBezTo>
                  <a:pt x="823" y="235"/>
                  <a:pt x="823" y="235"/>
                  <a:pt x="829" y="235"/>
                </a:cubicBezTo>
                <a:cubicBezTo>
                  <a:pt x="797" y="242"/>
                  <a:pt x="797" y="242"/>
                  <a:pt x="797" y="242"/>
                </a:cubicBezTo>
                <a:cubicBezTo>
                  <a:pt x="804" y="235"/>
                  <a:pt x="810" y="235"/>
                  <a:pt x="823" y="235"/>
                </a:cubicBezTo>
                <a:close/>
                <a:moveTo>
                  <a:pt x="772" y="248"/>
                </a:moveTo>
                <a:cubicBezTo>
                  <a:pt x="766" y="248"/>
                  <a:pt x="766" y="248"/>
                  <a:pt x="760" y="248"/>
                </a:cubicBezTo>
                <a:cubicBezTo>
                  <a:pt x="766" y="248"/>
                  <a:pt x="766" y="248"/>
                  <a:pt x="772" y="248"/>
                </a:cubicBezTo>
                <a:close/>
                <a:moveTo>
                  <a:pt x="741" y="254"/>
                </a:moveTo>
                <a:cubicBezTo>
                  <a:pt x="741" y="254"/>
                  <a:pt x="741" y="254"/>
                  <a:pt x="754" y="248"/>
                </a:cubicBezTo>
                <a:cubicBezTo>
                  <a:pt x="754" y="248"/>
                  <a:pt x="754" y="248"/>
                  <a:pt x="766" y="248"/>
                </a:cubicBezTo>
                <a:cubicBezTo>
                  <a:pt x="760" y="248"/>
                  <a:pt x="754" y="248"/>
                  <a:pt x="747" y="248"/>
                </a:cubicBezTo>
                <a:cubicBezTo>
                  <a:pt x="747" y="248"/>
                  <a:pt x="716" y="261"/>
                  <a:pt x="691" y="267"/>
                </a:cubicBezTo>
                <a:cubicBezTo>
                  <a:pt x="722" y="254"/>
                  <a:pt x="722" y="261"/>
                  <a:pt x="741" y="254"/>
                </a:cubicBezTo>
                <a:close/>
                <a:moveTo>
                  <a:pt x="841" y="235"/>
                </a:moveTo>
                <a:cubicBezTo>
                  <a:pt x="848" y="229"/>
                  <a:pt x="848" y="229"/>
                  <a:pt x="848" y="229"/>
                </a:cubicBezTo>
                <a:cubicBezTo>
                  <a:pt x="841" y="235"/>
                  <a:pt x="835" y="235"/>
                  <a:pt x="829" y="235"/>
                </a:cubicBezTo>
                <a:cubicBezTo>
                  <a:pt x="829" y="235"/>
                  <a:pt x="835" y="235"/>
                  <a:pt x="841" y="235"/>
                </a:cubicBezTo>
                <a:close/>
                <a:moveTo>
                  <a:pt x="829" y="235"/>
                </a:moveTo>
                <a:cubicBezTo>
                  <a:pt x="829" y="235"/>
                  <a:pt x="829" y="235"/>
                  <a:pt x="829" y="235"/>
                </a:cubicBezTo>
                <a:cubicBezTo>
                  <a:pt x="829" y="235"/>
                  <a:pt x="829" y="235"/>
                  <a:pt x="829" y="235"/>
                </a:cubicBezTo>
                <a:cubicBezTo>
                  <a:pt x="829" y="235"/>
                  <a:pt x="829" y="235"/>
                  <a:pt x="829" y="235"/>
                </a:cubicBezTo>
                <a:close/>
                <a:moveTo>
                  <a:pt x="823" y="235"/>
                </a:moveTo>
                <a:cubicBezTo>
                  <a:pt x="816" y="235"/>
                  <a:pt x="816" y="235"/>
                  <a:pt x="791" y="242"/>
                </a:cubicBezTo>
                <a:cubicBezTo>
                  <a:pt x="779" y="242"/>
                  <a:pt x="779" y="242"/>
                  <a:pt x="772" y="242"/>
                </a:cubicBezTo>
                <a:cubicBezTo>
                  <a:pt x="772" y="248"/>
                  <a:pt x="772" y="248"/>
                  <a:pt x="772" y="248"/>
                </a:cubicBezTo>
                <a:cubicBezTo>
                  <a:pt x="797" y="242"/>
                  <a:pt x="791" y="242"/>
                  <a:pt x="779" y="242"/>
                </a:cubicBezTo>
                <a:cubicBezTo>
                  <a:pt x="779" y="242"/>
                  <a:pt x="779" y="242"/>
                  <a:pt x="816" y="235"/>
                </a:cubicBezTo>
                <a:cubicBezTo>
                  <a:pt x="816" y="235"/>
                  <a:pt x="816" y="235"/>
                  <a:pt x="829" y="235"/>
                </a:cubicBezTo>
                <a:cubicBezTo>
                  <a:pt x="829" y="235"/>
                  <a:pt x="829" y="235"/>
                  <a:pt x="829" y="235"/>
                </a:cubicBezTo>
                <a:cubicBezTo>
                  <a:pt x="829" y="235"/>
                  <a:pt x="829" y="235"/>
                  <a:pt x="829" y="235"/>
                </a:cubicBezTo>
                <a:cubicBezTo>
                  <a:pt x="829" y="235"/>
                  <a:pt x="829" y="235"/>
                  <a:pt x="829" y="235"/>
                </a:cubicBezTo>
                <a:cubicBezTo>
                  <a:pt x="835" y="235"/>
                  <a:pt x="841" y="235"/>
                  <a:pt x="848" y="229"/>
                </a:cubicBezTo>
                <a:cubicBezTo>
                  <a:pt x="848" y="229"/>
                  <a:pt x="848" y="229"/>
                  <a:pt x="848" y="229"/>
                </a:cubicBezTo>
                <a:cubicBezTo>
                  <a:pt x="854" y="229"/>
                  <a:pt x="854" y="229"/>
                  <a:pt x="854" y="229"/>
                </a:cubicBezTo>
                <a:cubicBezTo>
                  <a:pt x="860" y="229"/>
                  <a:pt x="873" y="229"/>
                  <a:pt x="885" y="223"/>
                </a:cubicBezTo>
                <a:cubicBezTo>
                  <a:pt x="879" y="223"/>
                  <a:pt x="879" y="223"/>
                  <a:pt x="873" y="223"/>
                </a:cubicBezTo>
                <a:cubicBezTo>
                  <a:pt x="873" y="229"/>
                  <a:pt x="867" y="229"/>
                  <a:pt x="854" y="229"/>
                </a:cubicBezTo>
                <a:cubicBezTo>
                  <a:pt x="854" y="229"/>
                  <a:pt x="854" y="229"/>
                  <a:pt x="867" y="229"/>
                </a:cubicBezTo>
                <a:cubicBezTo>
                  <a:pt x="860" y="229"/>
                  <a:pt x="848" y="229"/>
                  <a:pt x="841" y="229"/>
                </a:cubicBezTo>
                <a:cubicBezTo>
                  <a:pt x="848" y="229"/>
                  <a:pt x="848" y="229"/>
                  <a:pt x="848" y="229"/>
                </a:cubicBezTo>
                <a:cubicBezTo>
                  <a:pt x="829" y="235"/>
                  <a:pt x="829" y="235"/>
                  <a:pt x="829" y="235"/>
                </a:cubicBezTo>
                <a:cubicBezTo>
                  <a:pt x="835" y="229"/>
                  <a:pt x="841" y="229"/>
                  <a:pt x="841" y="229"/>
                </a:cubicBezTo>
                <a:cubicBezTo>
                  <a:pt x="835" y="229"/>
                  <a:pt x="829" y="235"/>
                  <a:pt x="823" y="235"/>
                </a:cubicBezTo>
                <a:close/>
                <a:moveTo>
                  <a:pt x="760" y="248"/>
                </a:moveTo>
                <a:cubicBezTo>
                  <a:pt x="754" y="248"/>
                  <a:pt x="754" y="248"/>
                  <a:pt x="741" y="254"/>
                </a:cubicBezTo>
                <a:cubicBezTo>
                  <a:pt x="741" y="254"/>
                  <a:pt x="747" y="254"/>
                  <a:pt x="760" y="248"/>
                </a:cubicBezTo>
                <a:close/>
                <a:moveTo>
                  <a:pt x="848" y="229"/>
                </a:moveTo>
                <a:cubicBezTo>
                  <a:pt x="848" y="229"/>
                  <a:pt x="848" y="229"/>
                  <a:pt x="848" y="229"/>
                </a:cubicBezTo>
                <a:cubicBezTo>
                  <a:pt x="854" y="229"/>
                  <a:pt x="848" y="229"/>
                  <a:pt x="873" y="229"/>
                </a:cubicBezTo>
                <a:cubicBezTo>
                  <a:pt x="867" y="229"/>
                  <a:pt x="867" y="229"/>
                  <a:pt x="854" y="229"/>
                </a:cubicBezTo>
                <a:cubicBezTo>
                  <a:pt x="848" y="229"/>
                  <a:pt x="848" y="229"/>
                  <a:pt x="848" y="229"/>
                </a:cubicBezTo>
                <a:close/>
                <a:moveTo>
                  <a:pt x="772" y="242"/>
                </a:moveTo>
                <a:cubicBezTo>
                  <a:pt x="772" y="242"/>
                  <a:pt x="772" y="242"/>
                  <a:pt x="766" y="248"/>
                </a:cubicBezTo>
                <a:cubicBezTo>
                  <a:pt x="772" y="242"/>
                  <a:pt x="772" y="242"/>
                  <a:pt x="772" y="242"/>
                </a:cubicBezTo>
                <a:cubicBezTo>
                  <a:pt x="772" y="242"/>
                  <a:pt x="772" y="242"/>
                  <a:pt x="772" y="242"/>
                </a:cubicBezTo>
                <a:close/>
                <a:moveTo>
                  <a:pt x="961" y="216"/>
                </a:moveTo>
                <a:cubicBezTo>
                  <a:pt x="986" y="204"/>
                  <a:pt x="986" y="204"/>
                  <a:pt x="986" y="204"/>
                </a:cubicBezTo>
                <a:cubicBezTo>
                  <a:pt x="961" y="216"/>
                  <a:pt x="936" y="216"/>
                  <a:pt x="904" y="216"/>
                </a:cubicBezTo>
                <a:cubicBezTo>
                  <a:pt x="904" y="216"/>
                  <a:pt x="904" y="216"/>
                  <a:pt x="892" y="223"/>
                </a:cubicBezTo>
                <a:cubicBezTo>
                  <a:pt x="910" y="216"/>
                  <a:pt x="910" y="216"/>
                  <a:pt x="923" y="216"/>
                </a:cubicBezTo>
                <a:cubicBezTo>
                  <a:pt x="923" y="216"/>
                  <a:pt x="923" y="216"/>
                  <a:pt x="961" y="216"/>
                </a:cubicBezTo>
                <a:close/>
                <a:moveTo>
                  <a:pt x="854" y="229"/>
                </a:moveTo>
                <a:cubicBezTo>
                  <a:pt x="848" y="229"/>
                  <a:pt x="848" y="229"/>
                  <a:pt x="848" y="229"/>
                </a:cubicBezTo>
                <a:cubicBezTo>
                  <a:pt x="848" y="229"/>
                  <a:pt x="848" y="229"/>
                  <a:pt x="848" y="229"/>
                </a:cubicBezTo>
                <a:cubicBezTo>
                  <a:pt x="854" y="229"/>
                  <a:pt x="854" y="229"/>
                  <a:pt x="854" y="229"/>
                </a:cubicBezTo>
                <a:close/>
                <a:moveTo>
                  <a:pt x="867" y="229"/>
                </a:moveTo>
                <a:cubicBezTo>
                  <a:pt x="879" y="223"/>
                  <a:pt x="879" y="223"/>
                  <a:pt x="879" y="223"/>
                </a:cubicBezTo>
                <a:cubicBezTo>
                  <a:pt x="867" y="229"/>
                  <a:pt x="873" y="223"/>
                  <a:pt x="867" y="229"/>
                </a:cubicBezTo>
                <a:close/>
                <a:moveTo>
                  <a:pt x="816" y="235"/>
                </a:moveTo>
                <a:cubicBezTo>
                  <a:pt x="816" y="235"/>
                  <a:pt x="816" y="235"/>
                  <a:pt x="829" y="235"/>
                </a:cubicBezTo>
                <a:cubicBezTo>
                  <a:pt x="816" y="235"/>
                  <a:pt x="823" y="235"/>
                  <a:pt x="816" y="235"/>
                </a:cubicBezTo>
                <a:close/>
                <a:moveTo>
                  <a:pt x="923" y="216"/>
                </a:moveTo>
                <a:cubicBezTo>
                  <a:pt x="923" y="216"/>
                  <a:pt x="923" y="216"/>
                  <a:pt x="929" y="216"/>
                </a:cubicBezTo>
                <a:cubicBezTo>
                  <a:pt x="929" y="216"/>
                  <a:pt x="929" y="216"/>
                  <a:pt x="923" y="216"/>
                </a:cubicBezTo>
                <a:close/>
                <a:moveTo>
                  <a:pt x="1017" y="197"/>
                </a:moveTo>
                <a:cubicBezTo>
                  <a:pt x="1017" y="197"/>
                  <a:pt x="1017" y="197"/>
                  <a:pt x="1023" y="197"/>
                </a:cubicBezTo>
                <a:cubicBezTo>
                  <a:pt x="1055" y="197"/>
                  <a:pt x="1055" y="197"/>
                  <a:pt x="1055" y="197"/>
                </a:cubicBezTo>
                <a:cubicBezTo>
                  <a:pt x="1036" y="197"/>
                  <a:pt x="1042" y="197"/>
                  <a:pt x="1017" y="197"/>
                </a:cubicBezTo>
                <a:close/>
                <a:moveTo>
                  <a:pt x="892" y="216"/>
                </a:moveTo>
                <a:cubicBezTo>
                  <a:pt x="904" y="216"/>
                  <a:pt x="904" y="216"/>
                  <a:pt x="910" y="204"/>
                </a:cubicBezTo>
                <a:cubicBezTo>
                  <a:pt x="904" y="216"/>
                  <a:pt x="904" y="216"/>
                  <a:pt x="892" y="216"/>
                </a:cubicBezTo>
                <a:close/>
                <a:moveTo>
                  <a:pt x="546" y="292"/>
                </a:moveTo>
                <a:cubicBezTo>
                  <a:pt x="565" y="292"/>
                  <a:pt x="540" y="299"/>
                  <a:pt x="578" y="286"/>
                </a:cubicBezTo>
                <a:cubicBezTo>
                  <a:pt x="572" y="292"/>
                  <a:pt x="578" y="286"/>
                  <a:pt x="572" y="286"/>
                </a:cubicBezTo>
                <a:cubicBezTo>
                  <a:pt x="584" y="286"/>
                  <a:pt x="584" y="286"/>
                  <a:pt x="603" y="273"/>
                </a:cubicBezTo>
                <a:cubicBezTo>
                  <a:pt x="603" y="273"/>
                  <a:pt x="603" y="273"/>
                  <a:pt x="590" y="280"/>
                </a:cubicBezTo>
                <a:cubicBezTo>
                  <a:pt x="584" y="286"/>
                  <a:pt x="584" y="286"/>
                  <a:pt x="584" y="286"/>
                </a:cubicBezTo>
                <a:cubicBezTo>
                  <a:pt x="578" y="286"/>
                  <a:pt x="578" y="286"/>
                  <a:pt x="578" y="286"/>
                </a:cubicBezTo>
                <a:cubicBezTo>
                  <a:pt x="578" y="286"/>
                  <a:pt x="578" y="286"/>
                  <a:pt x="584" y="286"/>
                </a:cubicBezTo>
                <a:cubicBezTo>
                  <a:pt x="584" y="286"/>
                  <a:pt x="584" y="286"/>
                  <a:pt x="584" y="286"/>
                </a:cubicBezTo>
                <a:cubicBezTo>
                  <a:pt x="597" y="280"/>
                  <a:pt x="615" y="273"/>
                  <a:pt x="634" y="267"/>
                </a:cubicBezTo>
                <a:cubicBezTo>
                  <a:pt x="622" y="273"/>
                  <a:pt x="615" y="273"/>
                  <a:pt x="609" y="273"/>
                </a:cubicBezTo>
                <a:cubicBezTo>
                  <a:pt x="609" y="273"/>
                  <a:pt x="609" y="273"/>
                  <a:pt x="609" y="273"/>
                </a:cubicBezTo>
                <a:cubicBezTo>
                  <a:pt x="615" y="273"/>
                  <a:pt x="622" y="267"/>
                  <a:pt x="647" y="261"/>
                </a:cubicBezTo>
                <a:cubicBezTo>
                  <a:pt x="647" y="261"/>
                  <a:pt x="647" y="261"/>
                  <a:pt x="647" y="261"/>
                </a:cubicBezTo>
                <a:cubicBezTo>
                  <a:pt x="647" y="261"/>
                  <a:pt x="647" y="261"/>
                  <a:pt x="647" y="261"/>
                </a:cubicBezTo>
                <a:cubicBezTo>
                  <a:pt x="647" y="261"/>
                  <a:pt x="647" y="261"/>
                  <a:pt x="647" y="261"/>
                </a:cubicBezTo>
                <a:cubicBezTo>
                  <a:pt x="634" y="267"/>
                  <a:pt x="615" y="273"/>
                  <a:pt x="603" y="273"/>
                </a:cubicBezTo>
                <a:cubicBezTo>
                  <a:pt x="603" y="273"/>
                  <a:pt x="603" y="273"/>
                  <a:pt x="603" y="273"/>
                </a:cubicBezTo>
                <a:cubicBezTo>
                  <a:pt x="603" y="273"/>
                  <a:pt x="603" y="273"/>
                  <a:pt x="603" y="273"/>
                </a:cubicBezTo>
                <a:cubicBezTo>
                  <a:pt x="590" y="280"/>
                  <a:pt x="578" y="286"/>
                  <a:pt x="565" y="286"/>
                </a:cubicBezTo>
                <a:cubicBezTo>
                  <a:pt x="565" y="286"/>
                  <a:pt x="565" y="292"/>
                  <a:pt x="553" y="292"/>
                </a:cubicBezTo>
                <a:cubicBezTo>
                  <a:pt x="553" y="292"/>
                  <a:pt x="553" y="292"/>
                  <a:pt x="546" y="292"/>
                </a:cubicBezTo>
                <a:close/>
                <a:moveTo>
                  <a:pt x="653" y="261"/>
                </a:moveTo>
                <a:cubicBezTo>
                  <a:pt x="647" y="261"/>
                  <a:pt x="647" y="261"/>
                  <a:pt x="647" y="261"/>
                </a:cubicBezTo>
                <a:cubicBezTo>
                  <a:pt x="653" y="261"/>
                  <a:pt x="653" y="261"/>
                  <a:pt x="653" y="261"/>
                </a:cubicBezTo>
                <a:close/>
                <a:moveTo>
                  <a:pt x="653" y="261"/>
                </a:moveTo>
                <a:cubicBezTo>
                  <a:pt x="653" y="261"/>
                  <a:pt x="659" y="261"/>
                  <a:pt x="666" y="254"/>
                </a:cubicBezTo>
                <a:cubicBezTo>
                  <a:pt x="666" y="254"/>
                  <a:pt x="666" y="254"/>
                  <a:pt x="666" y="254"/>
                </a:cubicBezTo>
                <a:cubicBezTo>
                  <a:pt x="672" y="254"/>
                  <a:pt x="672" y="254"/>
                  <a:pt x="666" y="254"/>
                </a:cubicBezTo>
                <a:cubicBezTo>
                  <a:pt x="666" y="254"/>
                  <a:pt x="666" y="254"/>
                  <a:pt x="659" y="261"/>
                </a:cubicBezTo>
                <a:cubicBezTo>
                  <a:pt x="653" y="261"/>
                  <a:pt x="653" y="261"/>
                  <a:pt x="653" y="261"/>
                </a:cubicBezTo>
                <a:cubicBezTo>
                  <a:pt x="653" y="261"/>
                  <a:pt x="653" y="261"/>
                  <a:pt x="647" y="261"/>
                </a:cubicBezTo>
                <a:cubicBezTo>
                  <a:pt x="653" y="261"/>
                  <a:pt x="653" y="261"/>
                  <a:pt x="653" y="261"/>
                </a:cubicBezTo>
                <a:cubicBezTo>
                  <a:pt x="653" y="261"/>
                  <a:pt x="653" y="261"/>
                  <a:pt x="653" y="261"/>
                </a:cubicBezTo>
                <a:close/>
                <a:moveTo>
                  <a:pt x="622" y="267"/>
                </a:moveTo>
                <a:cubicBezTo>
                  <a:pt x="615" y="267"/>
                  <a:pt x="615" y="267"/>
                  <a:pt x="615" y="267"/>
                </a:cubicBezTo>
                <a:cubicBezTo>
                  <a:pt x="628" y="267"/>
                  <a:pt x="628" y="267"/>
                  <a:pt x="628" y="267"/>
                </a:cubicBezTo>
                <a:cubicBezTo>
                  <a:pt x="622" y="267"/>
                  <a:pt x="622" y="267"/>
                  <a:pt x="622" y="267"/>
                </a:cubicBezTo>
                <a:close/>
                <a:moveTo>
                  <a:pt x="603" y="273"/>
                </a:moveTo>
                <a:cubicBezTo>
                  <a:pt x="609" y="273"/>
                  <a:pt x="609" y="273"/>
                  <a:pt x="609" y="273"/>
                </a:cubicBezTo>
                <a:cubicBezTo>
                  <a:pt x="603" y="273"/>
                  <a:pt x="603" y="273"/>
                  <a:pt x="603" y="273"/>
                </a:cubicBezTo>
                <a:close/>
                <a:moveTo>
                  <a:pt x="251" y="458"/>
                </a:moveTo>
                <a:cubicBezTo>
                  <a:pt x="258" y="451"/>
                  <a:pt x="258" y="451"/>
                  <a:pt x="258" y="451"/>
                </a:cubicBezTo>
                <a:cubicBezTo>
                  <a:pt x="258" y="451"/>
                  <a:pt x="258" y="451"/>
                  <a:pt x="258" y="451"/>
                </a:cubicBezTo>
                <a:cubicBezTo>
                  <a:pt x="251" y="458"/>
                  <a:pt x="251" y="458"/>
                  <a:pt x="251" y="458"/>
                </a:cubicBezTo>
                <a:close/>
                <a:moveTo>
                  <a:pt x="1369" y="1029"/>
                </a:moveTo>
                <a:cubicBezTo>
                  <a:pt x="1350" y="1035"/>
                  <a:pt x="1350" y="1035"/>
                  <a:pt x="1350" y="1035"/>
                </a:cubicBezTo>
                <a:cubicBezTo>
                  <a:pt x="1362" y="1029"/>
                  <a:pt x="1350" y="1035"/>
                  <a:pt x="1369" y="1029"/>
                </a:cubicBezTo>
                <a:close/>
                <a:moveTo>
                  <a:pt x="1274" y="1067"/>
                </a:moveTo>
                <a:cubicBezTo>
                  <a:pt x="1268" y="1067"/>
                  <a:pt x="1256" y="1067"/>
                  <a:pt x="1249" y="1073"/>
                </a:cubicBezTo>
                <a:cubicBezTo>
                  <a:pt x="1256" y="1067"/>
                  <a:pt x="1262" y="1067"/>
                  <a:pt x="1274" y="1067"/>
                </a:cubicBezTo>
                <a:close/>
                <a:moveTo>
                  <a:pt x="1525" y="115"/>
                </a:moveTo>
                <a:cubicBezTo>
                  <a:pt x="1525" y="115"/>
                  <a:pt x="1525" y="115"/>
                  <a:pt x="1532" y="115"/>
                </a:cubicBezTo>
                <a:cubicBezTo>
                  <a:pt x="1525" y="115"/>
                  <a:pt x="1532" y="115"/>
                  <a:pt x="1525" y="115"/>
                </a:cubicBezTo>
                <a:close/>
                <a:moveTo>
                  <a:pt x="1532" y="115"/>
                </a:moveTo>
                <a:cubicBezTo>
                  <a:pt x="1532" y="115"/>
                  <a:pt x="1532" y="115"/>
                  <a:pt x="1538" y="121"/>
                </a:cubicBezTo>
                <a:cubicBezTo>
                  <a:pt x="1532" y="115"/>
                  <a:pt x="1532" y="115"/>
                  <a:pt x="1532" y="115"/>
                </a:cubicBezTo>
                <a:close/>
                <a:moveTo>
                  <a:pt x="333" y="394"/>
                </a:moveTo>
                <a:cubicBezTo>
                  <a:pt x="321" y="400"/>
                  <a:pt x="321" y="400"/>
                  <a:pt x="321" y="400"/>
                </a:cubicBezTo>
                <a:cubicBezTo>
                  <a:pt x="333" y="400"/>
                  <a:pt x="321" y="400"/>
                  <a:pt x="333" y="394"/>
                </a:cubicBezTo>
                <a:close/>
                <a:moveTo>
                  <a:pt x="1337" y="1042"/>
                </a:moveTo>
                <a:cubicBezTo>
                  <a:pt x="1337" y="1042"/>
                  <a:pt x="1337" y="1042"/>
                  <a:pt x="1331" y="1042"/>
                </a:cubicBezTo>
                <a:cubicBezTo>
                  <a:pt x="1337" y="1042"/>
                  <a:pt x="1337" y="1042"/>
                  <a:pt x="1337" y="1042"/>
                </a:cubicBezTo>
                <a:close/>
                <a:moveTo>
                  <a:pt x="1362" y="1035"/>
                </a:moveTo>
                <a:cubicBezTo>
                  <a:pt x="1387" y="1022"/>
                  <a:pt x="1387" y="1022"/>
                  <a:pt x="1387" y="1022"/>
                </a:cubicBezTo>
                <a:cubicBezTo>
                  <a:pt x="1369" y="1029"/>
                  <a:pt x="1369" y="1029"/>
                  <a:pt x="1369" y="1029"/>
                </a:cubicBezTo>
                <a:cubicBezTo>
                  <a:pt x="1350" y="1035"/>
                  <a:pt x="1350" y="1035"/>
                  <a:pt x="1350" y="1035"/>
                </a:cubicBezTo>
                <a:cubicBezTo>
                  <a:pt x="1350" y="1035"/>
                  <a:pt x="1337" y="1035"/>
                  <a:pt x="1337" y="1042"/>
                </a:cubicBezTo>
                <a:cubicBezTo>
                  <a:pt x="1356" y="1035"/>
                  <a:pt x="1337" y="1042"/>
                  <a:pt x="1362" y="1035"/>
                </a:cubicBezTo>
                <a:close/>
                <a:moveTo>
                  <a:pt x="38" y="699"/>
                </a:moveTo>
                <a:cubicBezTo>
                  <a:pt x="38" y="686"/>
                  <a:pt x="44" y="686"/>
                  <a:pt x="44" y="686"/>
                </a:cubicBezTo>
                <a:cubicBezTo>
                  <a:pt x="38" y="686"/>
                  <a:pt x="38" y="692"/>
                  <a:pt x="38" y="699"/>
                </a:cubicBezTo>
                <a:close/>
                <a:moveTo>
                  <a:pt x="44" y="680"/>
                </a:moveTo>
                <a:cubicBezTo>
                  <a:pt x="44" y="680"/>
                  <a:pt x="44" y="680"/>
                  <a:pt x="44" y="686"/>
                </a:cubicBezTo>
                <a:cubicBezTo>
                  <a:pt x="44" y="680"/>
                  <a:pt x="44" y="680"/>
                  <a:pt x="44" y="680"/>
                </a:cubicBezTo>
                <a:cubicBezTo>
                  <a:pt x="44" y="680"/>
                  <a:pt x="44" y="680"/>
                  <a:pt x="44" y="680"/>
                </a:cubicBezTo>
                <a:close/>
                <a:moveTo>
                  <a:pt x="51" y="673"/>
                </a:moveTo>
                <a:cubicBezTo>
                  <a:pt x="51" y="667"/>
                  <a:pt x="51" y="667"/>
                  <a:pt x="51" y="667"/>
                </a:cubicBezTo>
                <a:cubicBezTo>
                  <a:pt x="51" y="667"/>
                  <a:pt x="51" y="667"/>
                  <a:pt x="51" y="673"/>
                </a:cubicBezTo>
                <a:close/>
                <a:moveTo>
                  <a:pt x="44" y="680"/>
                </a:moveTo>
                <a:cubicBezTo>
                  <a:pt x="44" y="680"/>
                  <a:pt x="44" y="673"/>
                  <a:pt x="51" y="673"/>
                </a:cubicBezTo>
                <a:cubicBezTo>
                  <a:pt x="51" y="673"/>
                  <a:pt x="44" y="673"/>
                  <a:pt x="44" y="680"/>
                </a:cubicBezTo>
                <a:close/>
                <a:moveTo>
                  <a:pt x="1701" y="775"/>
                </a:moveTo>
                <a:cubicBezTo>
                  <a:pt x="1695" y="781"/>
                  <a:pt x="1695" y="788"/>
                  <a:pt x="1689" y="794"/>
                </a:cubicBezTo>
                <a:cubicBezTo>
                  <a:pt x="1689" y="794"/>
                  <a:pt x="1689" y="794"/>
                  <a:pt x="1689" y="794"/>
                </a:cubicBezTo>
                <a:cubicBezTo>
                  <a:pt x="1689" y="794"/>
                  <a:pt x="1689" y="794"/>
                  <a:pt x="1701" y="775"/>
                </a:cubicBezTo>
                <a:close/>
                <a:moveTo>
                  <a:pt x="1456" y="984"/>
                </a:moveTo>
                <a:cubicBezTo>
                  <a:pt x="1456" y="984"/>
                  <a:pt x="1456" y="984"/>
                  <a:pt x="1456" y="984"/>
                </a:cubicBezTo>
                <a:cubicBezTo>
                  <a:pt x="1456" y="984"/>
                  <a:pt x="1456" y="984"/>
                  <a:pt x="1456" y="984"/>
                </a:cubicBezTo>
                <a:cubicBezTo>
                  <a:pt x="1456" y="984"/>
                  <a:pt x="1456" y="984"/>
                  <a:pt x="1456" y="984"/>
                </a:cubicBezTo>
                <a:close/>
                <a:moveTo>
                  <a:pt x="622" y="70"/>
                </a:moveTo>
                <a:cubicBezTo>
                  <a:pt x="634" y="70"/>
                  <a:pt x="641" y="64"/>
                  <a:pt x="647" y="64"/>
                </a:cubicBezTo>
                <a:cubicBezTo>
                  <a:pt x="647" y="64"/>
                  <a:pt x="647" y="64"/>
                  <a:pt x="647" y="64"/>
                </a:cubicBezTo>
                <a:cubicBezTo>
                  <a:pt x="634" y="64"/>
                  <a:pt x="628" y="70"/>
                  <a:pt x="622" y="70"/>
                </a:cubicBezTo>
                <a:close/>
                <a:moveTo>
                  <a:pt x="854" y="26"/>
                </a:moveTo>
                <a:cubicBezTo>
                  <a:pt x="854" y="26"/>
                  <a:pt x="860" y="26"/>
                  <a:pt x="860" y="20"/>
                </a:cubicBezTo>
                <a:cubicBezTo>
                  <a:pt x="854" y="26"/>
                  <a:pt x="854" y="26"/>
                  <a:pt x="848" y="26"/>
                </a:cubicBezTo>
                <a:cubicBezTo>
                  <a:pt x="848" y="26"/>
                  <a:pt x="848" y="26"/>
                  <a:pt x="854" y="26"/>
                </a:cubicBezTo>
                <a:close/>
                <a:moveTo>
                  <a:pt x="1463" y="940"/>
                </a:moveTo>
                <a:cubicBezTo>
                  <a:pt x="1469" y="940"/>
                  <a:pt x="1469" y="940"/>
                  <a:pt x="1469" y="940"/>
                </a:cubicBezTo>
                <a:cubicBezTo>
                  <a:pt x="1463" y="940"/>
                  <a:pt x="1463" y="940"/>
                  <a:pt x="1463" y="940"/>
                </a:cubicBezTo>
                <a:close/>
                <a:moveTo>
                  <a:pt x="120" y="972"/>
                </a:moveTo>
                <a:cubicBezTo>
                  <a:pt x="120" y="972"/>
                  <a:pt x="120" y="972"/>
                  <a:pt x="120" y="972"/>
                </a:cubicBezTo>
                <a:cubicBezTo>
                  <a:pt x="120" y="972"/>
                  <a:pt x="120" y="972"/>
                  <a:pt x="120" y="972"/>
                </a:cubicBezTo>
                <a:close/>
                <a:moveTo>
                  <a:pt x="653" y="273"/>
                </a:moveTo>
                <a:cubicBezTo>
                  <a:pt x="659" y="273"/>
                  <a:pt x="659" y="273"/>
                  <a:pt x="659" y="273"/>
                </a:cubicBezTo>
                <a:cubicBezTo>
                  <a:pt x="659" y="273"/>
                  <a:pt x="659" y="273"/>
                  <a:pt x="659" y="273"/>
                </a:cubicBezTo>
                <a:cubicBezTo>
                  <a:pt x="653" y="273"/>
                  <a:pt x="653" y="273"/>
                  <a:pt x="653" y="273"/>
                </a:cubicBezTo>
                <a:close/>
                <a:moveTo>
                  <a:pt x="666" y="267"/>
                </a:moveTo>
                <a:cubicBezTo>
                  <a:pt x="666" y="267"/>
                  <a:pt x="666" y="267"/>
                  <a:pt x="659" y="267"/>
                </a:cubicBezTo>
                <a:cubicBezTo>
                  <a:pt x="659" y="273"/>
                  <a:pt x="659" y="273"/>
                  <a:pt x="659" y="273"/>
                </a:cubicBezTo>
                <a:cubicBezTo>
                  <a:pt x="666" y="267"/>
                  <a:pt x="666" y="267"/>
                  <a:pt x="666" y="267"/>
                </a:cubicBezTo>
                <a:close/>
                <a:moveTo>
                  <a:pt x="44" y="953"/>
                </a:moveTo>
                <a:cubicBezTo>
                  <a:pt x="44" y="953"/>
                  <a:pt x="44" y="953"/>
                  <a:pt x="44" y="953"/>
                </a:cubicBezTo>
                <a:cubicBezTo>
                  <a:pt x="44" y="953"/>
                  <a:pt x="44" y="953"/>
                  <a:pt x="44" y="953"/>
                </a:cubicBezTo>
                <a:cubicBezTo>
                  <a:pt x="44" y="953"/>
                  <a:pt x="44" y="953"/>
                  <a:pt x="44" y="953"/>
                </a:cubicBezTo>
                <a:close/>
                <a:moveTo>
                  <a:pt x="1776" y="534"/>
                </a:moveTo>
                <a:cubicBezTo>
                  <a:pt x="1776" y="534"/>
                  <a:pt x="1776" y="534"/>
                  <a:pt x="1776" y="540"/>
                </a:cubicBezTo>
                <a:cubicBezTo>
                  <a:pt x="1776" y="534"/>
                  <a:pt x="1776" y="534"/>
                  <a:pt x="1776" y="534"/>
                </a:cubicBezTo>
                <a:cubicBezTo>
                  <a:pt x="1776" y="534"/>
                  <a:pt x="1776" y="534"/>
                  <a:pt x="1776" y="534"/>
                </a:cubicBezTo>
                <a:cubicBezTo>
                  <a:pt x="1776" y="534"/>
                  <a:pt x="1776" y="534"/>
                  <a:pt x="1776" y="527"/>
                </a:cubicBezTo>
                <a:cubicBezTo>
                  <a:pt x="1776" y="515"/>
                  <a:pt x="1776" y="515"/>
                  <a:pt x="1776" y="515"/>
                </a:cubicBezTo>
                <a:cubicBezTo>
                  <a:pt x="1776" y="527"/>
                  <a:pt x="1776" y="527"/>
                  <a:pt x="1776" y="527"/>
                </a:cubicBezTo>
                <a:cubicBezTo>
                  <a:pt x="1776" y="527"/>
                  <a:pt x="1776" y="527"/>
                  <a:pt x="1776" y="527"/>
                </a:cubicBezTo>
                <a:cubicBezTo>
                  <a:pt x="1776" y="534"/>
                  <a:pt x="1776" y="534"/>
                  <a:pt x="1776" y="534"/>
                </a:cubicBezTo>
                <a:cubicBezTo>
                  <a:pt x="1776" y="534"/>
                  <a:pt x="1776" y="534"/>
                  <a:pt x="1776" y="540"/>
                </a:cubicBezTo>
                <a:cubicBezTo>
                  <a:pt x="1776" y="540"/>
                  <a:pt x="1776" y="540"/>
                  <a:pt x="1776" y="540"/>
                </a:cubicBezTo>
                <a:cubicBezTo>
                  <a:pt x="1776" y="540"/>
                  <a:pt x="1776" y="534"/>
                  <a:pt x="1776" y="527"/>
                </a:cubicBezTo>
                <a:cubicBezTo>
                  <a:pt x="1776" y="515"/>
                  <a:pt x="1776" y="515"/>
                  <a:pt x="1776" y="515"/>
                </a:cubicBezTo>
                <a:cubicBezTo>
                  <a:pt x="1776" y="534"/>
                  <a:pt x="1776" y="546"/>
                  <a:pt x="1770" y="559"/>
                </a:cubicBezTo>
                <a:cubicBezTo>
                  <a:pt x="1770" y="559"/>
                  <a:pt x="1770" y="559"/>
                  <a:pt x="1770" y="540"/>
                </a:cubicBezTo>
                <a:cubicBezTo>
                  <a:pt x="1776" y="508"/>
                  <a:pt x="1770" y="477"/>
                  <a:pt x="1770" y="445"/>
                </a:cubicBezTo>
                <a:cubicBezTo>
                  <a:pt x="1770" y="445"/>
                  <a:pt x="1770" y="438"/>
                  <a:pt x="1770" y="432"/>
                </a:cubicBezTo>
                <a:cubicBezTo>
                  <a:pt x="1770" y="438"/>
                  <a:pt x="1770" y="438"/>
                  <a:pt x="1770" y="438"/>
                </a:cubicBezTo>
                <a:cubicBezTo>
                  <a:pt x="1770" y="432"/>
                  <a:pt x="1770" y="426"/>
                  <a:pt x="1770" y="419"/>
                </a:cubicBezTo>
                <a:cubicBezTo>
                  <a:pt x="1770" y="432"/>
                  <a:pt x="1770" y="419"/>
                  <a:pt x="1770" y="432"/>
                </a:cubicBezTo>
                <a:cubicBezTo>
                  <a:pt x="1770" y="432"/>
                  <a:pt x="1770" y="426"/>
                  <a:pt x="1770" y="419"/>
                </a:cubicBezTo>
                <a:cubicBezTo>
                  <a:pt x="1764" y="419"/>
                  <a:pt x="1764" y="407"/>
                  <a:pt x="1764" y="400"/>
                </a:cubicBezTo>
                <a:cubicBezTo>
                  <a:pt x="1764" y="388"/>
                  <a:pt x="1764" y="388"/>
                  <a:pt x="1764" y="388"/>
                </a:cubicBezTo>
                <a:cubicBezTo>
                  <a:pt x="1758" y="381"/>
                  <a:pt x="1758" y="375"/>
                  <a:pt x="1758" y="369"/>
                </a:cubicBezTo>
                <a:cubicBezTo>
                  <a:pt x="1758" y="369"/>
                  <a:pt x="1758" y="369"/>
                  <a:pt x="1758" y="369"/>
                </a:cubicBezTo>
                <a:cubicBezTo>
                  <a:pt x="1758" y="369"/>
                  <a:pt x="1758" y="369"/>
                  <a:pt x="1758" y="369"/>
                </a:cubicBezTo>
                <a:cubicBezTo>
                  <a:pt x="1758" y="369"/>
                  <a:pt x="1758" y="369"/>
                  <a:pt x="1758" y="362"/>
                </a:cubicBezTo>
                <a:cubicBezTo>
                  <a:pt x="1758" y="369"/>
                  <a:pt x="1758" y="369"/>
                  <a:pt x="1758" y="369"/>
                </a:cubicBezTo>
                <a:cubicBezTo>
                  <a:pt x="1758" y="369"/>
                  <a:pt x="1758" y="369"/>
                  <a:pt x="1758" y="362"/>
                </a:cubicBezTo>
                <a:cubicBezTo>
                  <a:pt x="1751" y="362"/>
                  <a:pt x="1751" y="356"/>
                  <a:pt x="1751" y="356"/>
                </a:cubicBezTo>
                <a:cubicBezTo>
                  <a:pt x="1751" y="356"/>
                  <a:pt x="1751" y="362"/>
                  <a:pt x="1758" y="362"/>
                </a:cubicBezTo>
                <a:cubicBezTo>
                  <a:pt x="1751" y="356"/>
                  <a:pt x="1751" y="356"/>
                  <a:pt x="1751" y="356"/>
                </a:cubicBezTo>
                <a:cubicBezTo>
                  <a:pt x="1751" y="350"/>
                  <a:pt x="1751" y="350"/>
                  <a:pt x="1745" y="343"/>
                </a:cubicBezTo>
                <a:cubicBezTo>
                  <a:pt x="1745" y="343"/>
                  <a:pt x="1745" y="343"/>
                  <a:pt x="1745" y="343"/>
                </a:cubicBezTo>
                <a:cubicBezTo>
                  <a:pt x="1745" y="337"/>
                  <a:pt x="1745" y="331"/>
                  <a:pt x="1745" y="331"/>
                </a:cubicBezTo>
                <a:cubicBezTo>
                  <a:pt x="1745" y="331"/>
                  <a:pt x="1745" y="331"/>
                  <a:pt x="1745" y="331"/>
                </a:cubicBezTo>
                <a:cubicBezTo>
                  <a:pt x="1739" y="331"/>
                  <a:pt x="1739" y="324"/>
                  <a:pt x="1739" y="318"/>
                </a:cubicBezTo>
                <a:cubicBezTo>
                  <a:pt x="1739" y="324"/>
                  <a:pt x="1739" y="324"/>
                  <a:pt x="1739" y="324"/>
                </a:cubicBezTo>
                <a:cubicBezTo>
                  <a:pt x="1726" y="299"/>
                  <a:pt x="1726" y="299"/>
                  <a:pt x="1726" y="299"/>
                </a:cubicBezTo>
                <a:cubicBezTo>
                  <a:pt x="1726" y="299"/>
                  <a:pt x="1726" y="299"/>
                  <a:pt x="1726" y="292"/>
                </a:cubicBezTo>
                <a:cubicBezTo>
                  <a:pt x="1726" y="299"/>
                  <a:pt x="1733" y="318"/>
                  <a:pt x="1739" y="324"/>
                </a:cubicBezTo>
                <a:cubicBezTo>
                  <a:pt x="1733" y="318"/>
                  <a:pt x="1733" y="299"/>
                  <a:pt x="1726" y="292"/>
                </a:cubicBezTo>
                <a:cubicBezTo>
                  <a:pt x="1739" y="324"/>
                  <a:pt x="1733" y="299"/>
                  <a:pt x="1745" y="337"/>
                </a:cubicBezTo>
                <a:cubicBezTo>
                  <a:pt x="1745" y="337"/>
                  <a:pt x="1745" y="337"/>
                  <a:pt x="1751" y="362"/>
                </a:cubicBezTo>
                <a:cubicBezTo>
                  <a:pt x="1751" y="369"/>
                  <a:pt x="1751" y="369"/>
                  <a:pt x="1751" y="369"/>
                </a:cubicBezTo>
                <a:cubicBezTo>
                  <a:pt x="1751" y="369"/>
                  <a:pt x="1758" y="369"/>
                  <a:pt x="1758" y="375"/>
                </a:cubicBezTo>
                <a:cubicBezTo>
                  <a:pt x="1751" y="356"/>
                  <a:pt x="1745" y="337"/>
                  <a:pt x="1733" y="318"/>
                </a:cubicBezTo>
                <a:cubicBezTo>
                  <a:pt x="1733" y="318"/>
                  <a:pt x="1733" y="318"/>
                  <a:pt x="1733" y="318"/>
                </a:cubicBezTo>
                <a:cubicBezTo>
                  <a:pt x="1733" y="305"/>
                  <a:pt x="1726" y="299"/>
                  <a:pt x="1726" y="299"/>
                </a:cubicBezTo>
                <a:cubicBezTo>
                  <a:pt x="1726" y="299"/>
                  <a:pt x="1726" y="299"/>
                  <a:pt x="1726" y="299"/>
                </a:cubicBezTo>
                <a:cubicBezTo>
                  <a:pt x="1726" y="299"/>
                  <a:pt x="1726" y="292"/>
                  <a:pt x="1720" y="292"/>
                </a:cubicBezTo>
                <a:cubicBezTo>
                  <a:pt x="1726" y="292"/>
                  <a:pt x="1726" y="299"/>
                  <a:pt x="1726" y="299"/>
                </a:cubicBezTo>
                <a:cubicBezTo>
                  <a:pt x="1726" y="292"/>
                  <a:pt x="1726" y="292"/>
                  <a:pt x="1726" y="292"/>
                </a:cubicBezTo>
                <a:cubicBezTo>
                  <a:pt x="1726" y="292"/>
                  <a:pt x="1726" y="292"/>
                  <a:pt x="1726" y="292"/>
                </a:cubicBezTo>
                <a:cubicBezTo>
                  <a:pt x="1720" y="292"/>
                  <a:pt x="1720" y="286"/>
                  <a:pt x="1720" y="286"/>
                </a:cubicBezTo>
                <a:cubicBezTo>
                  <a:pt x="1720" y="286"/>
                  <a:pt x="1720" y="286"/>
                  <a:pt x="1720" y="286"/>
                </a:cubicBezTo>
                <a:cubicBezTo>
                  <a:pt x="1720" y="286"/>
                  <a:pt x="1720" y="286"/>
                  <a:pt x="1720" y="286"/>
                </a:cubicBezTo>
                <a:cubicBezTo>
                  <a:pt x="1720" y="286"/>
                  <a:pt x="1720" y="286"/>
                  <a:pt x="1720" y="286"/>
                </a:cubicBezTo>
                <a:cubicBezTo>
                  <a:pt x="1701" y="261"/>
                  <a:pt x="1689" y="235"/>
                  <a:pt x="1670" y="223"/>
                </a:cubicBezTo>
                <a:cubicBezTo>
                  <a:pt x="1657" y="204"/>
                  <a:pt x="1664" y="216"/>
                  <a:pt x="1645" y="191"/>
                </a:cubicBezTo>
                <a:cubicBezTo>
                  <a:pt x="1651" y="197"/>
                  <a:pt x="1657" y="204"/>
                  <a:pt x="1664" y="216"/>
                </a:cubicBezTo>
                <a:cubicBezTo>
                  <a:pt x="1664" y="216"/>
                  <a:pt x="1664" y="216"/>
                  <a:pt x="1664" y="216"/>
                </a:cubicBezTo>
                <a:cubicBezTo>
                  <a:pt x="1657" y="204"/>
                  <a:pt x="1645" y="191"/>
                  <a:pt x="1638" y="185"/>
                </a:cubicBezTo>
                <a:cubicBezTo>
                  <a:pt x="1638" y="185"/>
                  <a:pt x="1638" y="185"/>
                  <a:pt x="1632" y="178"/>
                </a:cubicBezTo>
                <a:cubicBezTo>
                  <a:pt x="1626" y="178"/>
                  <a:pt x="1626" y="178"/>
                  <a:pt x="1626" y="178"/>
                </a:cubicBezTo>
                <a:cubicBezTo>
                  <a:pt x="1620" y="172"/>
                  <a:pt x="1620" y="172"/>
                  <a:pt x="1626" y="172"/>
                </a:cubicBezTo>
                <a:cubicBezTo>
                  <a:pt x="1626" y="172"/>
                  <a:pt x="1626" y="172"/>
                  <a:pt x="1613" y="166"/>
                </a:cubicBezTo>
                <a:cubicBezTo>
                  <a:pt x="1613" y="166"/>
                  <a:pt x="1613" y="166"/>
                  <a:pt x="1601" y="153"/>
                </a:cubicBezTo>
                <a:cubicBezTo>
                  <a:pt x="1601" y="153"/>
                  <a:pt x="1601" y="153"/>
                  <a:pt x="1594" y="153"/>
                </a:cubicBezTo>
                <a:cubicBezTo>
                  <a:pt x="1601" y="153"/>
                  <a:pt x="1601" y="153"/>
                  <a:pt x="1607" y="159"/>
                </a:cubicBezTo>
                <a:cubicBezTo>
                  <a:pt x="1588" y="146"/>
                  <a:pt x="1601" y="159"/>
                  <a:pt x="1594" y="153"/>
                </a:cubicBezTo>
                <a:cubicBezTo>
                  <a:pt x="1588" y="146"/>
                  <a:pt x="1582" y="140"/>
                  <a:pt x="1576" y="140"/>
                </a:cubicBezTo>
                <a:cubicBezTo>
                  <a:pt x="1576" y="140"/>
                  <a:pt x="1576" y="140"/>
                  <a:pt x="1563" y="134"/>
                </a:cubicBezTo>
                <a:cubicBezTo>
                  <a:pt x="1538" y="121"/>
                  <a:pt x="1551" y="127"/>
                  <a:pt x="1538" y="121"/>
                </a:cubicBezTo>
                <a:cubicBezTo>
                  <a:pt x="1538" y="121"/>
                  <a:pt x="1538" y="121"/>
                  <a:pt x="1525" y="115"/>
                </a:cubicBezTo>
                <a:cubicBezTo>
                  <a:pt x="1525" y="115"/>
                  <a:pt x="1525" y="115"/>
                  <a:pt x="1532" y="115"/>
                </a:cubicBezTo>
                <a:cubicBezTo>
                  <a:pt x="1532" y="115"/>
                  <a:pt x="1532" y="115"/>
                  <a:pt x="1532" y="115"/>
                </a:cubicBezTo>
                <a:cubicBezTo>
                  <a:pt x="1532" y="115"/>
                  <a:pt x="1532" y="121"/>
                  <a:pt x="1538" y="121"/>
                </a:cubicBezTo>
                <a:cubicBezTo>
                  <a:pt x="1532" y="121"/>
                  <a:pt x="1532" y="121"/>
                  <a:pt x="1532" y="115"/>
                </a:cubicBezTo>
                <a:cubicBezTo>
                  <a:pt x="1532" y="115"/>
                  <a:pt x="1532" y="115"/>
                  <a:pt x="1532" y="115"/>
                </a:cubicBezTo>
                <a:cubicBezTo>
                  <a:pt x="1525" y="115"/>
                  <a:pt x="1525" y="115"/>
                  <a:pt x="1525" y="115"/>
                </a:cubicBezTo>
                <a:cubicBezTo>
                  <a:pt x="1525" y="115"/>
                  <a:pt x="1525" y="115"/>
                  <a:pt x="1525" y="115"/>
                </a:cubicBezTo>
                <a:cubicBezTo>
                  <a:pt x="1525" y="115"/>
                  <a:pt x="1525" y="115"/>
                  <a:pt x="1525" y="115"/>
                </a:cubicBezTo>
                <a:cubicBezTo>
                  <a:pt x="1551" y="127"/>
                  <a:pt x="1544" y="121"/>
                  <a:pt x="1551" y="127"/>
                </a:cubicBezTo>
                <a:cubicBezTo>
                  <a:pt x="1551" y="127"/>
                  <a:pt x="1551" y="127"/>
                  <a:pt x="1551" y="127"/>
                </a:cubicBezTo>
                <a:cubicBezTo>
                  <a:pt x="1551" y="127"/>
                  <a:pt x="1551" y="127"/>
                  <a:pt x="1557" y="134"/>
                </a:cubicBezTo>
                <a:cubicBezTo>
                  <a:pt x="1551" y="127"/>
                  <a:pt x="1551" y="127"/>
                  <a:pt x="1551" y="127"/>
                </a:cubicBezTo>
                <a:cubicBezTo>
                  <a:pt x="1551" y="127"/>
                  <a:pt x="1551" y="127"/>
                  <a:pt x="1551" y="127"/>
                </a:cubicBezTo>
                <a:cubicBezTo>
                  <a:pt x="1551" y="127"/>
                  <a:pt x="1551" y="127"/>
                  <a:pt x="1544" y="127"/>
                </a:cubicBezTo>
                <a:cubicBezTo>
                  <a:pt x="1544" y="127"/>
                  <a:pt x="1544" y="127"/>
                  <a:pt x="1507" y="102"/>
                </a:cubicBezTo>
                <a:cubicBezTo>
                  <a:pt x="1513" y="102"/>
                  <a:pt x="1519" y="115"/>
                  <a:pt x="1513" y="102"/>
                </a:cubicBezTo>
                <a:cubicBezTo>
                  <a:pt x="1513" y="102"/>
                  <a:pt x="1513" y="102"/>
                  <a:pt x="1519" y="102"/>
                </a:cubicBezTo>
                <a:cubicBezTo>
                  <a:pt x="1507" y="102"/>
                  <a:pt x="1500" y="96"/>
                  <a:pt x="1488" y="89"/>
                </a:cubicBezTo>
                <a:cubicBezTo>
                  <a:pt x="1494" y="89"/>
                  <a:pt x="1488" y="89"/>
                  <a:pt x="1507" y="96"/>
                </a:cubicBezTo>
                <a:cubicBezTo>
                  <a:pt x="1469" y="77"/>
                  <a:pt x="1419" y="64"/>
                  <a:pt x="1419" y="64"/>
                </a:cubicBezTo>
                <a:cubicBezTo>
                  <a:pt x="1406" y="58"/>
                  <a:pt x="1419" y="64"/>
                  <a:pt x="1400" y="58"/>
                </a:cubicBezTo>
                <a:cubicBezTo>
                  <a:pt x="1394" y="51"/>
                  <a:pt x="1387" y="51"/>
                  <a:pt x="1381" y="51"/>
                </a:cubicBezTo>
                <a:cubicBezTo>
                  <a:pt x="1337" y="39"/>
                  <a:pt x="1300" y="32"/>
                  <a:pt x="1281" y="32"/>
                </a:cubicBezTo>
                <a:cubicBezTo>
                  <a:pt x="1281" y="32"/>
                  <a:pt x="1281" y="32"/>
                  <a:pt x="1281" y="32"/>
                </a:cubicBezTo>
                <a:cubicBezTo>
                  <a:pt x="1300" y="32"/>
                  <a:pt x="1306" y="32"/>
                  <a:pt x="1337" y="45"/>
                </a:cubicBezTo>
                <a:cubicBezTo>
                  <a:pt x="1337" y="45"/>
                  <a:pt x="1337" y="45"/>
                  <a:pt x="1325" y="39"/>
                </a:cubicBezTo>
                <a:cubicBezTo>
                  <a:pt x="1293" y="32"/>
                  <a:pt x="1256" y="26"/>
                  <a:pt x="1218" y="20"/>
                </a:cubicBezTo>
                <a:cubicBezTo>
                  <a:pt x="1199" y="20"/>
                  <a:pt x="1174" y="20"/>
                  <a:pt x="1155" y="7"/>
                </a:cubicBezTo>
                <a:cubicBezTo>
                  <a:pt x="1105" y="7"/>
                  <a:pt x="1105" y="7"/>
                  <a:pt x="1136" y="20"/>
                </a:cubicBezTo>
                <a:cubicBezTo>
                  <a:pt x="1143" y="20"/>
                  <a:pt x="1143" y="20"/>
                  <a:pt x="1143" y="20"/>
                </a:cubicBezTo>
                <a:cubicBezTo>
                  <a:pt x="1055" y="7"/>
                  <a:pt x="961" y="7"/>
                  <a:pt x="860" y="20"/>
                </a:cubicBezTo>
                <a:cubicBezTo>
                  <a:pt x="867" y="20"/>
                  <a:pt x="835" y="26"/>
                  <a:pt x="823" y="26"/>
                </a:cubicBezTo>
                <a:cubicBezTo>
                  <a:pt x="867" y="26"/>
                  <a:pt x="904" y="20"/>
                  <a:pt x="979" y="20"/>
                </a:cubicBezTo>
                <a:cubicBezTo>
                  <a:pt x="1011" y="7"/>
                  <a:pt x="1011" y="20"/>
                  <a:pt x="1011" y="20"/>
                </a:cubicBezTo>
                <a:cubicBezTo>
                  <a:pt x="1023" y="20"/>
                  <a:pt x="1030" y="20"/>
                  <a:pt x="1042" y="20"/>
                </a:cubicBezTo>
                <a:cubicBezTo>
                  <a:pt x="936" y="20"/>
                  <a:pt x="829" y="26"/>
                  <a:pt x="722" y="45"/>
                </a:cubicBezTo>
                <a:cubicBezTo>
                  <a:pt x="728" y="45"/>
                  <a:pt x="741" y="45"/>
                  <a:pt x="754" y="39"/>
                </a:cubicBezTo>
                <a:cubicBezTo>
                  <a:pt x="735" y="45"/>
                  <a:pt x="716" y="45"/>
                  <a:pt x="666" y="58"/>
                </a:cubicBezTo>
                <a:cubicBezTo>
                  <a:pt x="666" y="58"/>
                  <a:pt x="666" y="58"/>
                  <a:pt x="659" y="58"/>
                </a:cubicBezTo>
                <a:cubicBezTo>
                  <a:pt x="659" y="58"/>
                  <a:pt x="659" y="58"/>
                  <a:pt x="653" y="58"/>
                </a:cubicBezTo>
                <a:cubicBezTo>
                  <a:pt x="659" y="58"/>
                  <a:pt x="659" y="58"/>
                  <a:pt x="653" y="64"/>
                </a:cubicBezTo>
                <a:cubicBezTo>
                  <a:pt x="647" y="64"/>
                  <a:pt x="647" y="64"/>
                  <a:pt x="647" y="64"/>
                </a:cubicBezTo>
                <a:cubicBezTo>
                  <a:pt x="647" y="64"/>
                  <a:pt x="647" y="64"/>
                  <a:pt x="647" y="64"/>
                </a:cubicBezTo>
                <a:cubicBezTo>
                  <a:pt x="647" y="64"/>
                  <a:pt x="647" y="64"/>
                  <a:pt x="653" y="64"/>
                </a:cubicBezTo>
                <a:cubicBezTo>
                  <a:pt x="647" y="64"/>
                  <a:pt x="647" y="64"/>
                  <a:pt x="647" y="64"/>
                </a:cubicBezTo>
                <a:cubicBezTo>
                  <a:pt x="647" y="64"/>
                  <a:pt x="647" y="64"/>
                  <a:pt x="659" y="64"/>
                </a:cubicBezTo>
                <a:cubicBezTo>
                  <a:pt x="659" y="64"/>
                  <a:pt x="659" y="64"/>
                  <a:pt x="666" y="64"/>
                </a:cubicBezTo>
                <a:cubicBezTo>
                  <a:pt x="685" y="58"/>
                  <a:pt x="672" y="58"/>
                  <a:pt x="697" y="58"/>
                </a:cubicBezTo>
                <a:cubicBezTo>
                  <a:pt x="697" y="51"/>
                  <a:pt x="697" y="51"/>
                  <a:pt x="697" y="51"/>
                </a:cubicBezTo>
                <a:cubicBezTo>
                  <a:pt x="697" y="58"/>
                  <a:pt x="691" y="58"/>
                  <a:pt x="691" y="58"/>
                </a:cubicBezTo>
                <a:cubicBezTo>
                  <a:pt x="691" y="58"/>
                  <a:pt x="691" y="58"/>
                  <a:pt x="691" y="58"/>
                </a:cubicBezTo>
                <a:cubicBezTo>
                  <a:pt x="691" y="58"/>
                  <a:pt x="685" y="58"/>
                  <a:pt x="672" y="58"/>
                </a:cubicBezTo>
                <a:cubicBezTo>
                  <a:pt x="666" y="58"/>
                  <a:pt x="666" y="58"/>
                  <a:pt x="659" y="58"/>
                </a:cubicBezTo>
                <a:cubicBezTo>
                  <a:pt x="691" y="51"/>
                  <a:pt x="722" y="45"/>
                  <a:pt x="754" y="39"/>
                </a:cubicBezTo>
                <a:cubicBezTo>
                  <a:pt x="754" y="39"/>
                  <a:pt x="754" y="39"/>
                  <a:pt x="754" y="45"/>
                </a:cubicBezTo>
                <a:cubicBezTo>
                  <a:pt x="754" y="39"/>
                  <a:pt x="760" y="39"/>
                  <a:pt x="760" y="39"/>
                </a:cubicBezTo>
                <a:cubicBezTo>
                  <a:pt x="760" y="39"/>
                  <a:pt x="760" y="39"/>
                  <a:pt x="754" y="39"/>
                </a:cubicBezTo>
                <a:cubicBezTo>
                  <a:pt x="766" y="39"/>
                  <a:pt x="766" y="39"/>
                  <a:pt x="766" y="39"/>
                </a:cubicBezTo>
                <a:cubicBezTo>
                  <a:pt x="766" y="39"/>
                  <a:pt x="766" y="39"/>
                  <a:pt x="766" y="39"/>
                </a:cubicBezTo>
                <a:cubicBezTo>
                  <a:pt x="772" y="39"/>
                  <a:pt x="779" y="39"/>
                  <a:pt x="791" y="39"/>
                </a:cubicBezTo>
                <a:cubicBezTo>
                  <a:pt x="779" y="39"/>
                  <a:pt x="779" y="39"/>
                  <a:pt x="779" y="39"/>
                </a:cubicBezTo>
                <a:cubicBezTo>
                  <a:pt x="816" y="32"/>
                  <a:pt x="848" y="32"/>
                  <a:pt x="873" y="26"/>
                </a:cubicBezTo>
                <a:cubicBezTo>
                  <a:pt x="873" y="26"/>
                  <a:pt x="873" y="26"/>
                  <a:pt x="873" y="26"/>
                </a:cubicBezTo>
                <a:cubicBezTo>
                  <a:pt x="873" y="26"/>
                  <a:pt x="873" y="26"/>
                  <a:pt x="879" y="26"/>
                </a:cubicBezTo>
                <a:cubicBezTo>
                  <a:pt x="892" y="26"/>
                  <a:pt x="904" y="26"/>
                  <a:pt x="917" y="26"/>
                </a:cubicBezTo>
                <a:cubicBezTo>
                  <a:pt x="923" y="26"/>
                  <a:pt x="923" y="26"/>
                  <a:pt x="923" y="26"/>
                </a:cubicBezTo>
                <a:cubicBezTo>
                  <a:pt x="923" y="26"/>
                  <a:pt x="923" y="26"/>
                  <a:pt x="917" y="26"/>
                </a:cubicBezTo>
                <a:cubicBezTo>
                  <a:pt x="904" y="26"/>
                  <a:pt x="892" y="26"/>
                  <a:pt x="879" y="26"/>
                </a:cubicBezTo>
                <a:cubicBezTo>
                  <a:pt x="885" y="26"/>
                  <a:pt x="885" y="26"/>
                  <a:pt x="892" y="26"/>
                </a:cubicBezTo>
                <a:cubicBezTo>
                  <a:pt x="892" y="26"/>
                  <a:pt x="892" y="26"/>
                  <a:pt x="885" y="26"/>
                </a:cubicBezTo>
                <a:cubicBezTo>
                  <a:pt x="892" y="26"/>
                  <a:pt x="904" y="26"/>
                  <a:pt x="910" y="26"/>
                </a:cubicBezTo>
                <a:cubicBezTo>
                  <a:pt x="904" y="26"/>
                  <a:pt x="917" y="26"/>
                  <a:pt x="929" y="26"/>
                </a:cubicBezTo>
                <a:cubicBezTo>
                  <a:pt x="910" y="26"/>
                  <a:pt x="885" y="26"/>
                  <a:pt x="867" y="32"/>
                </a:cubicBezTo>
                <a:cubicBezTo>
                  <a:pt x="867" y="32"/>
                  <a:pt x="867" y="32"/>
                  <a:pt x="867" y="32"/>
                </a:cubicBezTo>
                <a:cubicBezTo>
                  <a:pt x="841" y="32"/>
                  <a:pt x="804" y="39"/>
                  <a:pt x="760" y="45"/>
                </a:cubicBezTo>
                <a:cubicBezTo>
                  <a:pt x="816" y="39"/>
                  <a:pt x="860" y="32"/>
                  <a:pt x="917" y="26"/>
                </a:cubicBezTo>
                <a:cubicBezTo>
                  <a:pt x="942" y="26"/>
                  <a:pt x="936" y="26"/>
                  <a:pt x="936" y="26"/>
                </a:cubicBezTo>
                <a:cubicBezTo>
                  <a:pt x="936" y="26"/>
                  <a:pt x="936" y="26"/>
                  <a:pt x="954" y="26"/>
                </a:cubicBezTo>
                <a:cubicBezTo>
                  <a:pt x="986" y="26"/>
                  <a:pt x="986" y="26"/>
                  <a:pt x="1023" y="26"/>
                </a:cubicBezTo>
                <a:cubicBezTo>
                  <a:pt x="1023" y="26"/>
                  <a:pt x="1023" y="26"/>
                  <a:pt x="1023" y="20"/>
                </a:cubicBezTo>
                <a:cubicBezTo>
                  <a:pt x="998" y="20"/>
                  <a:pt x="979" y="26"/>
                  <a:pt x="961" y="26"/>
                </a:cubicBezTo>
                <a:cubicBezTo>
                  <a:pt x="1011" y="20"/>
                  <a:pt x="1023" y="20"/>
                  <a:pt x="1023" y="20"/>
                </a:cubicBezTo>
                <a:cubicBezTo>
                  <a:pt x="1036" y="20"/>
                  <a:pt x="1092" y="20"/>
                  <a:pt x="1155" y="26"/>
                </a:cubicBezTo>
                <a:cubicBezTo>
                  <a:pt x="1092" y="26"/>
                  <a:pt x="1118" y="26"/>
                  <a:pt x="1111" y="26"/>
                </a:cubicBezTo>
                <a:cubicBezTo>
                  <a:pt x="1136" y="32"/>
                  <a:pt x="1149" y="32"/>
                  <a:pt x="1155" y="32"/>
                </a:cubicBezTo>
                <a:cubicBezTo>
                  <a:pt x="1155" y="32"/>
                  <a:pt x="1155" y="32"/>
                  <a:pt x="1155" y="32"/>
                </a:cubicBezTo>
                <a:cubicBezTo>
                  <a:pt x="1155" y="32"/>
                  <a:pt x="1155" y="32"/>
                  <a:pt x="1155" y="32"/>
                </a:cubicBezTo>
                <a:cubicBezTo>
                  <a:pt x="1168" y="32"/>
                  <a:pt x="1174" y="32"/>
                  <a:pt x="1205" y="39"/>
                </a:cubicBezTo>
                <a:cubicBezTo>
                  <a:pt x="1243" y="45"/>
                  <a:pt x="1237" y="39"/>
                  <a:pt x="1243" y="39"/>
                </a:cubicBezTo>
                <a:cubicBezTo>
                  <a:pt x="1256" y="45"/>
                  <a:pt x="1262" y="45"/>
                  <a:pt x="1268" y="45"/>
                </a:cubicBezTo>
                <a:cubicBezTo>
                  <a:pt x="1268" y="45"/>
                  <a:pt x="1262" y="45"/>
                  <a:pt x="1256" y="45"/>
                </a:cubicBezTo>
                <a:cubicBezTo>
                  <a:pt x="1268" y="45"/>
                  <a:pt x="1268" y="45"/>
                  <a:pt x="1274" y="45"/>
                </a:cubicBezTo>
                <a:cubicBezTo>
                  <a:pt x="1281" y="45"/>
                  <a:pt x="1281" y="45"/>
                  <a:pt x="1287" y="51"/>
                </a:cubicBezTo>
                <a:cubicBezTo>
                  <a:pt x="1281" y="51"/>
                  <a:pt x="1256" y="45"/>
                  <a:pt x="1212" y="39"/>
                </a:cubicBezTo>
                <a:cubicBezTo>
                  <a:pt x="1199" y="39"/>
                  <a:pt x="1174" y="32"/>
                  <a:pt x="1161" y="32"/>
                </a:cubicBezTo>
                <a:cubicBezTo>
                  <a:pt x="1161" y="32"/>
                  <a:pt x="1161" y="32"/>
                  <a:pt x="1155" y="32"/>
                </a:cubicBezTo>
                <a:cubicBezTo>
                  <a:pt x="1118" y="32"/>
                  <a:pt x="1118" y="32"/>
                  <a:pt x="1130" y="32"/>
                </a:cubicBezTo>
                <a:cubicBezTo>
                  <a:pt x="1080" y="26"/>
                  <a:pt x="1055" y="26"/>
                  <a:pt x="1017" y="26"/>
                </a:cubicBezTo>
                <a:cubicBezTo>
                  <a:pt x="992" y="26"/>
                  <a:pt x="973" y="26"/>
                  <a:pt x="954" y="26"/>
                </a:cubicBezTo>
                <a:cubicBezTo>
                  <a:pt x="1061" y="26"/>
                  <a:pt x="1224" y="39"/>
                  <a:pt x="1300" y="58"/>
                </a:cubicBezTo>
                <a:cubicBezTo>
                  <a:pt x="1312" y="58"/>
                  <a:pt x="1306" y="58"/>
                  <a:pt x="1312" y="58"/>
                </a:cubicBezTo>
                <a:cubicBezTo>
                  <a:pt x="1419" y="83"/>
                  <a:pt x="1431" y="89"/>
                  <a:pt x="1482" y="115"/>
                </a:cubicBezTo>
                <a:cubicBezTo>
                  <a:pt x="1425" y="89"/>
                  <a:pt x="1350" y="64"/>
                  <a:pt x="1337" y="64"/>
                </a:cubicBezTo>
                <a:cubicBezTo>
                  <a:pt x="1312" y="58"/>
                  <a:pt x="1293" y="58"/>
                  <a:pt x="1274" y="51"/>
                </a:cubicBezTo>
                <a:cubicBezTo>
                  <a:pt x="1274" y="51"/>
                  <a:pt x="1274" y="51"/>
                  <a:pt x="1274" y="51"/>
                </a:cubicBezTo>
                <a:cubicBezTo>
                  <a:pt x="1130" y="26"/>
                  <a:pt x="1042" y="26"/>
                  <a:pt x="923" y="32"/>
                </a:cubicBezTo>
                <a:cubicBezTo>
                  <a:pt x="929" y="32"/>
                  <a:pt x="936" y="32"/>
                  <a:pt x="936" y="32"/>
                </a:cubicBezTo>
                <a:cubicBezTo>
                  <a:pt x="936" y="32"/>
                  <a:pt x="936" y="32"/>
                  <a:pt x="929" y="32"/>
                </a:cubicBezTo>
                <a:cubicBezTo>
                  <a:pt x="929" y="32"/>
                  <a:pt x="929" y="32"/>
                  <a:pt x="923" y="32"/>
                </a:cubicBezTo>
                <a:cubicBezTo>
                  <a:pt x="923" y="32"/>
                  <a:pt x="923" y="32"/>
                  <a:pt x="917" y="32"/>
                </a:cubicBezTo>
                <a:cubicBezTo>
                  <a:pt x="917" y="32"/>
                  <a:pt x="917" y="32"/>
                  <a:pt x="910" y="32"/>
                </a:cubicBezTo>
                <a:cubicBezTo>
                  <a:pt x="867" y="39"/>
                  <a:pt x="892" y="39"/>
                  <a:pt x="867" y="39"/>
                </a:cubicBezTo>
                <a:cubicBezTo>
                  <a:pt x="867" y="39"/>
                  <a:pt x="867" y="39"/>
                  <a:pt x="867" y="39"/>
                </a:cubicBezTo>
                <a:cubicBezTo>
                  <a:pt x="867" y="39"/>
                  <a:pt x="867" y="39"/>
                  <a:pt x="867" y="39"/>
                </a:cubicBezTo>
                <a:cubicBezTo>
                  <a:pt x="873" y="39"/>
                  <a:pt x="873" y="39"/>
                  <a:pt x="873" y="39"/>
                </a:cubicBezTo>
                <a:cubicBezTo>
                  <a:pt x="873" y="39"/>
                  <a:pt x="873" y="39"/>
                  <a:pt x="867" y="39"/>
                </a:cubicBezTo>
                <a:cubicBezTo>
                  <a:pt x="873" y="39"/>
                  <a:pt x="873" y="39"/>
                  <a:pt x="873" y="39"/>
                </a:cubicBezTo>
                <a:cubicBezTo>
                  <a:pt x="873" y="39"/>
                  <a:pt x="873" y="39"/>
                  <a:pt x="873" y="39"/>
                </a:cubicBezTo>
                <a:cubicBezTo>
                  <a:pt x="873" y="39"/>
                  <a:pt x="873" y="39"/>
                  <a:pt x="873" y="39"/>
                </a:cubicBezTo>
                <a:cubicBezTo>
                  <a:pt x="892" y="39"/>
                  <a:pt x="917" y="39"/>
                  <a:pt x="936" y="32"/>
                </a:cubicBezTo>
                <a:cubicBezTo>
                  <a:pt x="929" y="39"/>
                  <a:pt x="929" y="39"/>
                  <a:pt x="929" y="39"/>
                </a:cubicBezTo>
                <a:cubicBezTo>
                  <a:pt x="954" y="32"/>
                  <a:pt x="961" y="32"/>
                  <a:pt x="973" y="32"/>
                </a:cubicBezTo>
                <a:cubicBezTo>
                  <a:pt x="986" y="32"/>
                  <a:pt x="992" y="32"/>
                  <a:pt x="998" y="32"/>
                </a:cubicBezTo>
                <a:cubicBezTo>
                  <a:pt x="986" y="32"/>
                  <a:pt x="973" y="32"/>
                  <a:pt x="961" y="32"/>
                </a:cubicBezTo>
                <a:cubicBezTo>
                  <a:pt x="961" y="32"/>
                  <a:pt x="961" y="32"/>
                  <a:pt x="954" y="32"/>
                </a:cubicBezTo>
                <a:cubicBezTo>
                  <a:pt x="973" y="32"/>
                  <a:pt x="998" y="32"/>
                  <a:pt x="1023" y="32"/>
                </a:cubicBezTo>
                <a:cubicBezTo>
                  <a:pt x="1030" y="32"/>
                  <a:pt x="1030" y="32"/>
                  <a:pt x="1036" y="32"/>
                </a:cubicBezTo>
                <a:cubicBezTo>
                  <a:pt x="1061" y="32"/>
                  <a:pt x="1080" y="32"/>
                  <a:pt x="1118" y="39"/>
                </a:cubicBezTo>
                <a:cubicBezTo>
                  <a:pt x="1130" y="39"/>
                  <a:pt x="1130" y="39"/>
                  <a:pt x="1130" y="39"/>
                </a:cubicBezTo>
                <a:cubicBezTo>
                  <a:pt x="1130" y="39"/>
                  <a:pt x="1130" y="39"/>
                  <a:pt x="1136" y="39"/>
                </a:cubicBezTo>
                <a:cubicBezTo>
                  <a:pt x="1136" y="39"/>
                  <a:pt x="1136" y="39"/>
                  <a:pt x="1143" y="39"/>
                </a:cubicBezTo>
                <a:cubicBezTo>
                  <a:pt x="1149" y="39"/>
                  <a:pt x="1155" y="39"/>
                  <a:pt x="1155" y="39"/>
                </a:cubicBezTo>
                <a:cubicBezTo>
                  <a:pt x="1155" y="39"/>
                  <a:pt x="1155" y="39"/>
                  <a:pt x="1155" y="39"/>
                </a:cubicBezTo>
                <a:cubicBezTo>
                  <a:pt x="1174" y="45"/>
                  <a:pt x="1237" y="51"/>
                  <a:pt x="1262" y="51"/>
                </a:cubicBezTo>
                <a:cubicBezTo>
                  <a:pt x="1262" y="51"/>
                  <a:pt x="1262" y="51"/>
                  <a:pt x="1243" y="51"/>
                </a:cubicBezTo>
                <a:cubicBezTo>
                  <a:pt x="1293" y="58"/>
                  <a:pt x="1300" y="58"/>
                  <a:pt x="1306" y="64"/>
                </a:cubicBezTo>
                <a:cubicBezTo>
                  <a:pt x="1325" y="64"/>
                  <a:pt x="1350" y="70"/>
                  <a:pt x="1369" y="77"/>
                </a:cubicBezTo>
                <a:cubicBezTo>
                  <a:pt x="1369" y="77"/>
                  <a:pt x="1369" y="77"/>
                  <a:pt x="1375" y="77"/>
                </a:cubicBezTo>
                <a:cubicBezTo>
                  <a:pt x="1381" y="83"/>
                  <a:pt x="1387" y="83"/>
                  <a:pt x="1387" y="83"/>
                </a:cubicBezTo>
                <a:cubicBezTo>
                  <a:pt x="1387" y="83"/>
                  <a:pt x="1387" y="83"/>
                  <a:pt x="1387" y="83"/>
                </a:cubicBezTo>
                <a:cubicBezTo>
                  <a:pt x="1425" y="96"/>
                  <a:pt x="1469" y="115"/>
                  <a:pt x="1500" y="134"/>
                </a:cubicBezTo>
                <a:cubicBezTo>
                  <a:pt x="1494" y="127"/>
                  <a:pt x="1500" y="134"/>
                  <a:pt x="1507" y="134"/>
                </a:cubicBezTo>
                <a:cubicBezTo>
                  <a:pt x="1513" y="140"/>
                  <a:pt x="1519" y="140"/>
                  <a:pt x="1519" y="140"/>
                </a:cubicBezTo>
                <a:cubicBezTo>
                  <a:pt x="1544" y="159"/>
                  <a:pt x="1582" y="172"/>
                  <a:pt x="1594" y="191"/>
                </a:cubicBezTo>
                <a:cubicBezTo>
                  <a:pt x="1607" y="197"/>
                  <a:pt x="1620" y="204"/>
                  <a:pt x="1626" y="223"/>
                </a:cubicBezTo>
                <a:cubicBezTo>
                  <a:pt x="1620" y="216"/>
                  <a:pt x="1626" y="223"/>
                  <a:pt x="1626" y="223"/>
                </a:cubicBezTo>
                <a:cubicBezTo>
                  <a:pt x="1626" y="223"/>
                  <a:pt x="1626" y="223"/>
                  <a:pt x="1620" y="216"/>
                </a:cubicBezTo>
                <a:cubicBezTo>
                  <a:pt x="1620" y="216"/>
                  <a:pt x="1613" y="204"/>
                  <a:pt x="1607" y="197"/>
                </a:cubicBezTo>
                <a:cubicBezTo>
                  <a:pt x="1576" y="172"/>
                  <a:pt x="1532" y="153"/>
                  <a:pt x="1500" y="134"/>
                </a:cubicBezTo>
                <a:cubicBezTo>
                  <a:pt x="1519" y="146"/>
                  <a:pt x="1513" y="140"/>
                  <a:pt x="1513" y="140"/>
                </a:cubicBezTo>
                <a:cubicBezTo>
                  <a:pt x="1519" y="146"/>
                  <a:pt x="1532" y="153"/>
                  <a:pt x="1538" y="153"/>
                </a:cubicBezTo>
                <a:cubicBezTo>
                  <a:pt x="1532" y="153"/>
                  <a:pt x="1532" y="153"/>
                  <a:pt x="1525" y="146"/>
                </a:cubicBezTo>
                <a:cubicBezTo>
                  <a:pt x="1538" y="153"/>
                  <a:pt x="1538" y="153"/>
                  <a:pt x="1538" y="153"/>
                </a:cubicBezTo>
                <a:cubicBezTo>
                  <a:pt x="1538" y="153"/>
                  <a:pt x="1538" y="153"/>
                  <a:pt x="1563" y="172"/>
                </a:cubicBezTo>
                <a:cubicBezTo>
                  <a:pt x="1613" y="204"/>
                  <a:pt x="1626" y="229"/>
                  <a:pt x="1626" y="229"/>
                </a:cubicBezTo>
                <a:cubicBezTo>
                  <a:pt x="1626" y="229"/>
                  <a:pt x="1626" y="229"/>
                  <a:pt x="1632" y="229"/>
                </a:cubicBezTo>
                <a:cubicBezTo>
                  <a:pt x="1632" y="235"/>
                  <a:pt x="1638" y="235"/>
                  <a:pt x="1638" y="235"/>
                </a:cubicBezTo>
                <a:cubicBezTo>
                  <a:pt x="1638" y="235"/>
                  <a:pt x="1638" y="235"/>
                  <a:pt x="1638" y="235"/>
                </a:cubicBezTo>
                <a:cubicBezTo>
                  <a:pt x="1638" y="235"/>
                  <a:pt x="1638" y="235"/>
                  <a:pt x="1632" y="229"/>
                </a:cubicBezTo>
                <a:cubicBezTo>
                  <a:pt x="1632" y="235"/>
                  <a:pt x="1632" y="235"/>
                  <a:pt x="1638" y="235"/>
                </a:cubicBezTo>
                <a:cubicBezTo>
                  <a:pt x="1638" y="235"/>
                  <a:pt x="1638" y="235"/>
                  <a:pt x="1645" y="248"/>
                </a:cubicBezTo>
                <a:cubicBezTo>
                  <a:pt x="1645" y="242"/>
                  <a:pt x="1645" y="242"/>
                  <a:pt x="1645" y="242"/>
                </a:cubicBezTo>
                <a:cubicBezTo>
                  <a:pt x="1651" y="254"/>
                  <a:pt x="1664" y="261"/>
                  <a:pt x="1670" y="273"/>
                </a:cubicBezTo>
                <a:cubicBezTo>
                  <a:pt x="1682" y="280"/>
                  <a:pt x="1689" y="292"/>
                  <a:pt x="1695" y="305"/>
                </a:cubicBezTo>
                <a:cubicBezTo>
                  <a:pt x="1689" y="299"/>
                  <a:pt x="1689" y="292"/>
                  <a:pt x="1682" y="286"/>
                </a:cubicBezTo>
                <a:cubicBezTo>
                  <a:pt x="1689" y="286"/>
                  <a:pt x="1689" y="292"/>
                  <a:pt x="1689" y="292"/>
                </a:cubicBezTo>
                <a:cubicBezTo>
                  <a:pt x="1682" y="286"/>
                  <a:pt x="1682" y="286"/>
                  <a:pt x="1682" y="280"/>
                </a:cubicBezTo>
                <a:cubicBezTo>
                  <a:pt x="1682" y="286"/>
                  <a:pt x="1689" y="292"/>
                  <a:pt x="1689" y="299"/>
                </a:cubicBezTo>
                <a:cubicBezTo>
                  <a:pt x="1689" y="292"/>
                  <a:pt x="1689" y="292"/>
                  <a:pt x="1689" y="292"/>
                </a:cubicBezTo>
                <a:cubicBezTo>
                  <a:pt x="1689" y="292"/>
                  <a:pt x="1689" y="292"/>
                  <a:pt x="1689" y="299"/>
                </a:cubicBezTo>
                <a:cubicBezTo>
                  <a:pt x="1695" y="305"/>
                  <a:pt x="1701" y="318"/>
                  <a:pt x="1707" y="324"/>
                </a:cubicBezTo>
                <a:cubicBezTo>
                  <a:pt x="1707" y="324"/>
                  <a:pt x="1707" y="324"/>
                  <a:pt x="1707" y="324"/>
                </a:cubicBezTo>
                <a:cubicBezTo>
                  <a:pt x="1707" y="331"/>
                  <a:pt x="1707" y="331"/>
                  <a:pt x="1707" y="331"/>
                </a:cubicBezTo>
                <a:cubicBezTo>
                  <a:pt x="1707" y="331"/>
                  <a:pt x="1707" y="331"/>
                  <a:pt x="1707" y="331"/>
                </a:cubicBezTo>
                <a:cubicBezTo>
                  <a:pt x="1707" y="324"/>
                  <a:pt x="1707" y="324"/>
                  <a:pt x="1707" y="324"/>
                </a:cubicBezTo>
                <a:cubicBezTo>
                  <a:pt x="1707" y="331"/>
                  <a:pt x="1707" y="331"/>
                  <a:pt x="1707" y="331"/>
                </a:cubicBezTo>
                <a:cubicBezTo>
                  <a:pt x="1701" y="318"/>
                  <a:pt x="1701" y="318"/>
                  <a:pt x="1701" y="318"/>
                </a:cubicBezTo>
                <a:cubicBezTo>
                  <a:pt x="1701" y="324"/>
                  <a:pt x="1701" y="324"/>
                  <a:pt x="1707" y="331"/>
                </a:cubicBezTo>
                <a:cubicBezTo>
                  <a:pt x="1707" y="331"/>
                  <a:pt x="1707" y="331"/>
                  <a:pt x="1707" y="331"/>
                </a:cubicBezTo>
                <a:cubicBezTo>
                  <a:pt x="1707" y="331"/>
                  <a:pt x="1707" y="331"/>
                  <a:pt x="1707" y="331"/>
                </a:cubicBezTo>
                <a:cubicBezTo>
                  <a:pt x="1707" y="337"/>
                  <a:pt x="1707" y="337"/>
                  <a:pt x="1707" y="337"/>
                </a:cubicBezTo>
                <a:cubicBezTo>
                  <a:pt x="1714" y="343"/>
                  <a:pt x="1714" y="343"/>
                  <a:pt x="1714" y="343"/>
                </a:cubicBezTo>
                <a:cubicBezTo>
                  <a:pt x="1714" y="350"/>
                  <a:pt x="1720" y="356"/>
                  <a:pt x="1720" y="369"/>
                </a:cubicBezTo>
                <a:cubicBezTo>
                  <a:pt x="1720" y="362"/>
                  <a:pt x="1714" y="356"/>
                  <a:pt x="1714" y="350"/>
                </a:cubicBezTo>
                <a:cubicBezTo>
                  <a:pt x="1714" y="350"/>
                  <a:pt x="1714" y="350"/>
                  <a:pt x="1714" y="350"/>
                </a:cubicBezTo>
                <a:cubicBezTo>
                  <a:pt x="1714" y="350"/>
                  <a:pt x="1714" y="350"/>
                  <a:pt x="1714" y="350"/>
                </a:cubicBezTo>
                <a:cubicBezTo>
                  <a:pt x="1720" y="362"/>
                  <a:pt x="1720" y="369"/>
                  <a:pt x="1726" y="375"/>
                </a:cubicBezTo>
                <a:cubicBezTo>
                  <a:pt x="1726" y="375"/>
                  <a:pt x="1726" y="375"/>
                  <a:pt x="1720" y="375"/>
                </a:cubicBezTo>
                <a:cubicBezTo>
                  <a:pt x="1726" y="375"/>
                  <a:pt x="1726" y="381"/>
                  <a:pt x="1726" y="388"/>
                </a:cubicBezTo>
                <a:cubicBezTo>
                  <a:pt x="1733" y="394"/>
                  <a:pt x="1733" y="394"/>
                  <a:pt x="1733" y="394"/>
                </a:cubicBezTo>
                <a:cubicBezTo>
                  <a:pt x="1733" y="400"/>
                  <a:pt x="1733" y="407"/>
                  <a:pt x="1733" y="407"/>
                </a:cubicBezTo>
                <a:cubicBezTo>
                  <a:pt x="1733" y="400"/>
                  <a:pt x="1733" y="394"/>
                  <a:pt x="1726" y="388"/>
                </a:cubicBezTo>
                <a:cubicBezTo>
                  <a:pt x="1726" y="388"/>
                  <a:pt x="1739" y="426"/>
                  <a:pt x="1739" y="451"/>
                </a:cubicBezTo>
                <a:cubicBezTo>
                  <a:pt x="1739" y="451"/>
                  <a:pt x="1739" y="451"/>
                  <a:pt x="1733" y="426"/>
                </a:cubicBezTo>
                <a:cubicBezTo>
                  <a:pt x="1739" y="438"/>
                  <a:pt x="1739" y="451"/>
                  <a:pt x="1739" y="464"/>
                </a:cubicBezTo>
                <a:cubicBezTo>
                  <a:pt x="1739" y="483"/>
                  <a:pt x="1739" y="477"/>
                  <a:pt x="1739" y="483"/>
                </a:cubicBezTo>
                <a:cubicBezTo>
                  <a:pt x="1739" y="489"/>
                  <a:pt x="1739" y="496"/>
                  <a:pt x="1739" y="502"/>
                </a:cubicBezTo>
                <a:cubicBezTo>
                  <a:pt x="1739" y="502"/>
                  <a:pt x="1739" y="502"/>
                  <a:pt x="1739" y="502"/>
                </a:cubicBezTo>
                <a:cubicBezTo>
                  <a:pt x="1739" y="502"/>
                  <a:pt x="1739" y="502"/>
                  <a:pt x="1739" y="508"/>
                </a:cubicBezTo>
                <a:cubicBezTo>
                  <a:pt x="1739" y="515"/>
                  <a:pt x="1739" y="534"/>
                  <a:pt x="1739" y="540"/>
                </a:cubicBezTo>
                <a:cubicBezTo>
                  <a:pt x="1739" y="546"/>
                  <a:pt x="1739" y="546"/>
                  <a:pt x="1739" y="546"/>
                </a:cubicBezTo>
                <a:cubicBezTo>
                  <a:pt x="1739" y="553"/>
                  <a:pt x="1739" y="559"/>
                  <a:pt x="1739" y="572"/>
                </a:cubicBezTo>
                <a:cubicBezTo>
                  <a:pt x="1739" y="572"/>
                  <a:pt x="1733" y="623"/>
                  <a:pt x="1720" y="648"/>
                </a:cubicBezTo>
                <a:cubicBezTo>
                  <a:pt x="1720" y="654"/>
                  <a:pt x="1720" y="654"/>
                  <a:pt x="1720" y="661"/>
                </a:cubicBezTo>
                <a:cubicBezTo>
                  <a:pt x="1714" y="667"/>
                  <a:pt x="1714" y="680"/>
                  <a:pt x="1707" y="686"/>
                </a:cubicBezTo>
                <a:cubicBezTo>
                  <a:pt x="1714" y="680"/>
                  <a:pt x="1714" y="673"/>
                  <a:pt x="1720" y="667"/>
                </a:cubicBezTo>
                <a:cubicBezTo>
                  <a:pt x="1720" y="667"/>
                  <a:pt x="1720" y="667"/>
                  <a:pt x="1707" y="705"/>
                </a:cubicBezTo>
                <a:cubicBezTo>
                  <a:pt x="1701" y="718"/>
                  <a:pt x="1695" y="718"/>
                  <a:pt x="1695" y="718"/>
                </a:cubicBezTo>
                <a:cubicBezTo>
                  <a:pt x="1695" y="724"/>
                  <a:pt x="1689" y="730"/>
                  <a:pt x="1689" y="737"/>
                </a:cubicBezTo>
                <a:cubicBezTo>
                  <a:pt x="1689" y="737"/>
                  <a:pt x="1689" y="737"/>
                  <a:pt x="1689" y="737"/>
                </a:cubicBezTo>
                <a:cubicBezTo>
                  <a:pt x="1682" y="743"/>
                  <a:pt x="1682" y="750"/>
                  <a:pt x="1682" y="750"/>
                </a:cubicBezTo>
                <a:cubicBezTo>
                  <a:pt x="1670" y="750"/>
                  <a:pt x="1670" y="750"/>
                  <a:pt x="1670" y="750"/>
                </a:cubicBezTo>
                <a:cubicBezTo>
                  <a:pt x="1670" y="756"/>
                  <a:pt x="1670" y="756"/>
                  <a:pt x="1670" y="756"/>
                </a:cubicBezTo>
                <a:cubicBezTo>
                  <a:pt x="1670" y="750"/>
                  <a:pt x="1670" y="750"/>
                  <a:pt x="1670" y="750"/>
                </a:cubicBezTo>
                <a:cubicBezTo>
                  <a:pt x="1670" y="750"/>
                  <a:pt x="1670" y="750"/>
                  <a:pt x="1670" y="750"/>
                </a:cubicBezTo>
                <a:cubicBezTo>
                  <a:pt x="1682" y="750"/>
                  <a:pt x="1682" y="750"/>
                  <a:pt x="1682" y="750"/>
                </a:cubicBezTo>
                <a:cubicBezTo>
                  <a:pt x="1682" y="750"/>
                  <a:pt x="1682" y="750"/>
                  <a:pt x="1682" y="743"/>
                </a:cubicBezTo>
                <a:cubicBezTo>
                  <a:pt x="1682" y="743"/>
                  <a:pt x="1682" y="743"/>
                  <a:pt x="1682" y="743"/>
                </a:cubicBezTo>
                <a:cubicBezTo>
                  <a:pt x="1682" y="743"/>
                  <a:pt x="1682" y="743"/>
                  <a:pt x="1682" y="743"/>
                </a:cubicBezTo>
                <a:cubicBezTo>
                  <a:pt x="1682" y="743"/>
                  <a:pt x="1682" y="743"/>
                  <a:pt x="1682" y="743"/>
                </a:cubicBezTo>
                <a:cubicBezTo>
                  <a:pt x="1682" y="743"/>
                  <a:pt x="1682" y="743"/>
                  <a:pt x="1682" y="737"/>
                </a:cubicBezTo>
                <a:cubicBezTo>
                  <a:pt x="1682" y="750"/>
                  <a:pt x="1670" y="756"/>
                  <a:pt x="1664" y="762"/>
                </a:cubicBezTo>
                <a:cubicBezTo>
                  <a:pt x="1657" y="769"/>
                  <a:pt x="1651" y="775"/>
                  <a:pt x="1645" y="788"/>
                </a:cubicBezTo>
                <a:cubicBezTo>
                  <a:pt x="1645" y="788"/>
                  <a:pt x="1645" y="788"/>
                  <a:pt x="1645" y="788"/>
                </a:cubicBezTo>
                <a:cubicBezTo>
                  <a:pt x="1645" y="788"/>
                  <a:pt x="1638" y="794"/>
                  <a:pt x="1632" y="800"/>
                </a:cubicBezTo>
                <a:cubicBezTo>
                  <a:pt x="1632" y="807"/>
                  <a:pt x="1632" y="807"/>
                  <a:pt x="1632" y="807"/>
                </a:cubicBezTo>
                <a:cubicBezTo>
                  <a:pt x="1626" y="807"/>
                  <a:pt x="1626" y="807"/>
                  <a:pt x="1626" y="807"/>
                </a:cubicBezTo>
                <a:cubicBezTo>
                  <a:pt x="1632" y="807"/>
                  <a:pt x="1632" y="800"/>
                  <a:pt x="1632" y="800"/>
                </a:cubicBezTo>
                <a:cubicBezTo>
                  <a:pt x="1638" y="794"/>
                  <a:pt x="1638" y="788"/>
                  <a:pt x="1645" y="788"/>
                </a:cubicBezTo>
                <a:cubicBezTo>
                  <a:pt x="1645" y="788"/>
                  <a:pt x="1645" y="788"/>
                  <a:pt x="1645" y="788"/>
                </a:cubicBezTo>
                <a:cubicBezTo>
                  <a:pt x="1638" y="794"/>
                  <a:pt x="1638" y="794"/>
                  <a:pt x="1638" y="800"/>
                </a:cubicBezTo>
                <a:cubicBezTo>
                  <a:pt x="1632" y="800"/>
                  <a:pt x="1632" y="807"/>
                  <a:pt x="1626" y="807"/>
                </a:cubicBezTo>
                <a:cubicBezTo>
                  <a:pt x="1626" y="807"/>
                  <a:pt x="1626" y="807"/>
                  <a:pt x="1626" y="807"/>
                </a:cubicBezTo>
                <a:cubicBezTo>
                  <a:pt x="1632" y="807"/>
                  <a:pt x="1632" y="800"/>
                  <a:pt x="1638" y="800"/>
                </a:cubicBezTo>
                <a:cubicBezTo>
                  <a:pt x="1620" y="813"/>
                  <a:pt x="1607" y="832"/>
                  <a:pt x="1594" y="845"/>
                </a:cubicBezTo>
                <a:cubicBezTo>
                  <a:pt x="1601" y="838"/>
                  <a:pt x="1601" y="838"/>
                  <a:pt x="1601" y="838"/>
                </a:cubicBezTo>
                <a:cubicBezTo>
                  <a:pt x="1594" y="838"/>
                  <a:pt x="1594" y="845"/>
                  <a:pt x="1588" y="845"/>
                </a:cubicBezTo>
                <a:cubicBezTo>
                  <a:pt x="1594" y="845"/>
                  <a:pt x="1594" y="838"/>
                  <a:pt x="1594" y="838"/>
                </a:cubicBezTo>
                <a:cubicBezTo>
                  <a:pt x="1594" y="838"/>
                  <a:pt x="1594" y="838"/>
                  <a:pt x="1601" y="832"/>
                </a:cubicBezTo>
                <a:cubicBezTo>
                  <a:pt x="1607" y="832"/>
                  <a:pt x="1607" y="832"/>
                  <a:pt x="1607" y="832"/>
                </a:cubicBezTo>
                <a:cubicBezTo>
                  <a:pt x="1607" y="832"/>
                  <a:pt x="1601" y="832"/>
                  <a:pt x="1601" y="838"/>
                </a:cubicBezTo>
                <a:cubicBezTo>
                  <a:pt x="1601" y="832"/>
                  <a:pt x="1607" y="832"/>
                  <a:pt x="1607" y="832"/>
                </a:cubicBezTo>
                <a:cubicBezTo>
                  <a:pt x="1607" y="826"/>
                  <a:pt x="1607" y="826"/>
                  <a:pt x="1607" y="826"/>
                </a:cubicBezTo>
                <a:cubicBezTo>
                  <a:pt x="1607" y="826"/>
                  <a:pt x="1607" y="826"/>
                  <a:pt x="1607" y="826"/>
                </a:cubicBezTo>
                <a:cubicBezTo>
                  <a:pt x="1613" y="826"/>
                  <a:pt x="1613" y="826"/>
                  <a:pt x="1613" y="826"/>
                </a:cubicBezTo>
                <a:cubicBezTo>
                  <a:pt x="1613" y="826"/>
                  <a:pt x="1613" y="826"/>
                  <a:pt x="1607" y="826"/>
                </a:cubicBezTo>
                <a:cubicBezTo>
                  <a:pt x="1620" y="813"/>
                  <a:pt x="1620" y="813"/>
                  <a:pt x="1620" y="813"/>
                </a:cubicBezTo>
                <a:cubicBezTo>
                  <a:pt x="1626" y="807"/>
                  <a:pt x="1626" y="800"/>
                  <a:pt x="1620" y="813"/>
                </a:cubicBezTo>
                <a:cubicBezTo>
                  <a:pt x="1632" y="800"/>
                  <a:pt x="1638" y="788"/>
                  <a:pt x="1651" y="775"/>
                </a:cubicBezTo>
                <a:cubicBezTo>
                  <a:pt x="1620" y="807"/>
                  <a:pt x="1620" y="807"/>
                  <a:pt x="1576" y="857"/>
                </a:cubicBezTo>
                <a:cubicBezTo>
                  <a:pt x="1563" y="864"/>
                  <a:pt x="1563" y="864"/>
                  <a:pt x="1576" y="857"/>
                </a:cubicBezTo>
                <a:cubicBezTo>
                  <a:pt x="1563" y="864"/>
                  <a:pt x="1557" y="864"/>
                  <a:pt x="1557" y="870"/>
                </a:cubicBezTo>
                <a:cubicBezTo>
                  <a:pt x="1563" y="864"/>
                  <a:pt x="1576" y="857"/>
                  <a:pt x="1582" y="857"/>
                </a:cubicBezTo>
                <a:cubicBezTo>
                  <a:pt x="1576" y="857"/>
                  <a:pt x="1576" y="857"/>
                  <a:pt x="1576" y="857"/>
                </a:cubicBezTo>
                <a:cubicBezTo>
                  <a:pt x="1582" y="857"/>
                  <a:pt x="1582" y="857"/>
                  <a:pt x="1582" y="857"/>
                </a:cubicBezTo>
                <a:cubicBezTo>
                  <a:pt x="1582" y="857"/>
                  <a:pt x="1582" y="857"/>
                  <a:pt x="1582" y="857"/>
                </a:cubicBezTo>
                <a:cubicBezTo>
                  <a:pt x="1582" y="857"/>
                  <a:pt x="1582" y="857"/>
                  <a:pt x="1582" y="857"/>
                </a:cubicBezTo>
                <a:cubicBezTo>
                  <a:pt x="1576" y="864"/>
                  <a:pt x="1576" y="864"/>
                  <a:pt x="1576" y="864"/>
                </a:cubicBezTo>
                <a:cubicBezTo>
                  <a:pt x="1576" y="864"/>
                  <a:pt x="1576" y="864"/>
                  <a:pt x="1582" y="857"/>
                </a:cubicBezTo>
                <a:cubicBezTo>
                  <a:pt x="1576" y="864"/>
                  <a:pt x="1563" y="864"/>
                  <a:pt x="1563" y="870"/>
                </a:cubicBezTo>
                <a:cubicBezTo>
                  <a:pt x="1563" y="870"/>
                  <a:pt x="1563" y="870"/>
                  <a:pt x="1557" y="876"/>
                </a:cubicBezTo>
                <a:cubicBezTo>
                  <a:pt x="1551" y="876"/>
                  <a:pt x="1551" y="883"/>
                  <a:pt x="1532" y="889"/>
                </a:cubicBezTo>
                <a:cubicBezTo>
                  <a:pt x="1538" y="883"/>
                  <a:pt x="1544" y="883"/>
                  <a:pt x="1557" y="876"/>
                </a:cubicBezTo>
                <a:cubicBezTo>
                  <a:pt x="1563" y="870"/>
                  <a:pt x="1563" y="870"/>
                  <a:pt x="1576" y="864"/>
                </a:cubicBezTo>
                <a:cubicBezTo>
                  <a:pt x="1576" y="864"/>
                  <a:pt x="1544" y="883"/>
                  <a:pt x="1551" y="876"/>
                </a:cubicBezTo>
                <a:cubicBezTo>
                  <a:pt x="1525" y="896"/>
                  <a:pt x="1513" y="902"/>
                  <a:pt x="1494" y="921"/>
                </a:cubicBezTo>
                <a:cubicBezTo>
                  <a:pt x="1494" y="921"/>
                  <a:pt x="1494" y="921"/>
                  <a:pt x="1494" y="921"/>
                </a:cubicBezTo>
                <a:cubicBezTo>
                  <a:pt x="1494" y="921"/>
                  <a:pt x="1494" y="921"/>
                  <a:pt x="1494" y="921"/>
                </a:cubicBezTo>
                <a:cubicBezTo>
                  <a:pt x="1482" y="927"/>
                  <a:pt x="1475" y="934"/>
                  <a:pt x="1456" y="946"/>
                </a:cubicBezTo>
                <a:cubicBezTo>
                  <a:pt x="1444" y="946"/>
                  <a:pt x="1438" y="953"/>
                  <a:pt x="1431" y="953"/>
                </a:cubicBezTo>
                <a:cubicBezTo>
                  <a:pt x="1438" y="953"/>
                  <a:pt x="1444" y="953"/>
                  <a:pt x="1444" y="946"/>
                </a:cubicBezTo>
                <a:cubicBezTo>
                  <a:pt x="1444" y="946"/>
                  <a:pt x="1456" y="946"/>
                  <a:pt x="1463" y="946"/>
                </a:cubicBezTo>
                <a:cubicBezTo>
                  <a:pt x="1475" y="934"/>
                  <a:pt x="1488" y="927"/>
                  <a:pt x="1500" y="921"/>
                </a:cubicBezTo>
                <a:cubicBezTo>
                  <a:pt x="1507" y="908"/>
                  <a:pt x="1507" y="908"/>
                  <a:pt x="1507" y="908"/>
                </a:cubicBezTo>
                <a:cubicBezTo>
                  <a:pt x="1488" y="921"/>
                  <a:pt x="1488" y="921"/>
                  <a:pt x="1488" y="921"/>
                </a:cubicBezTo>
                <a:cubicBezTo>
                  <a:pt x="1494" y="921"/>
                  <a:pt x="1494" y="921"/>
                  <a:pt x="1494" y="921"/>
                </a:cubicBezTo>
                <a:cubicBezTo>
                  <a:pt x="1500" y="921"/>
                  <a:pt x="1507" y="908"/>
                  <a:pt x="1513" y="902"/>
                </a:cubicBezTo>
                <a:cubicBezTo>
                  <a:pt x="1513" y="902"/>
                  <a:pt x="1513" y="902"/>
                  <a:pt x="1513" y="908"/>
                </a:cubicBezTo>
                <a:cubicBezTo>
                  <a:pt x="1513" y="908"/>
                  <a:pt x="1513" y="908"/>
                  <a:pt x="1513" y="908"/>
                </a:cubicBezTo>
                <a:cubicBezTo>
                  <a:pt x="1513" y="908"/>
                  <a:pt x="1513" y="908"/>
                  <a:pt x="1507" y="908"/>
                </a:cubicBezTo>
                <a:cubicBezTo>
                  <a:pt x="1500" y="921"/>
                  <a:pt x="1494" y="927"/>
                  <a:pt x="1488" y="927"/>
                </a:cubicBezTo>
                <a:cubicBezTo>
                  <a:pt x="1482" y="927"/>
                  <a:pt x="1482" y="934"/>
                  <a:pt x="1475" y="934"/>
                </a:cubicBezTo>
                <a:cubicBezTo>
                  <a:pt x="1482" y="934"/>
                  <a:pt x="1482" y="934"/>
                  <a:pt x="1482" y="934"/>
                </a:cubicBezTo>
                <a:cubicBezTo>
                  <a:pt x="1475" y="934"/>
                  <a:pt x="1469" y="940"/>
                  <a:pt x="1463" y="946"/>
                </a:cubicBezTo>
                <a:cubicBezTo>
                  <a:pt x="1463" y="940"/>
                  <a:pt x="1463" y="940"/>
                  <a:pt x="1463" y="940"/>
                </a:cubicBezTo>
                <a:cubicBezTo>
                  <a:pt x="1463" y="940"/>
                  <a:pt x="1463" y="940"/>
                  <a:pt x="1463" y="946"/>
                </a:cubicBezTo>
                <a:cubicBezTo>
                  <a:pt x="1456" y="946"/>
                  <a:pt x="1456" y="946"/>
                  <a:pt x="1456" y="946"/>
                </a:cubicBezTo>
                <a:cubicBezTo>
                  <a:pt x="1438" y="953"/>
                  <a:pt x="1425" y="959"/>
                  <a:pt x="1412" y="965"/>
                </a:cubicBezTo>
                <a:cubicBezTo>
                  <a:pt x="1387" y="978"/>
                  <a:pt x="1369" y="991"/>
                  <a:pt x="1337" y="997"/>
                </a:cubicBezTo>
                <a:cubicBezTo>
                  <a:pt x="1318" y="1003"/>
                  <a:pt x="1300" y="1016"/>
                  <a:pt x="1287" y="1022"/>
                </a:cubicBezTo>
                <a:cubicBezTo>
                  <a:pt x="1293" y="1022"/>
                  <a:pt x="1300" y="1016"/>
                  <a:pt x="1318" y="1003"/>
                </a:cubicBezTo>
                <a:cubicBezTo>
                  <a:pt x="1312" y="1016"/>
                  <a:pt x="1306" y="1016"/>
                  <a:pt x="1300" y="1016"/>
                </a:cubicBezTo>
                <a:cubicBezTo>
                  <a:pt x="1274" y="1029"/>
                  <a:pt x="1268" y="1029"/>
                  <a:pt x="1243" y="1035"/>
                </a:cubicBezTo>
                <a:cubicBezTo>
                  <a:pt x="1243" y="1035"/>
                  <a:pt x="1243" y="1035"/>
                  <a:pt x="1243" y="1042"/>
                </a:cubicBezTo>
                <a:cubicBezTo>
                  <a:pt x="1262" y="1029"/>
                  <a:pt x="1287" y="1022"/>
                  <a:pt x="1274" y="1029"/>
                </a:cubicBezTo>
                <a:cubicBezTo>
                  <a:pt x="1274" y="1029"/>
                  <a:pt x="1274" y="1029"/>
                  <a:pt x="1274" y="1029"/>
                </a:cubicBezTo>
                <a:cubicBezTo>
                  <a:pt x="1268" y="1029"/>
                  <a:pt x="1268" y="1029"/>
                  <a:pt x="1268" y="1029"/>
                </a:cubicBezTo>
                <a:cubicBezTo>
                  <a:pt x="1262" y="1035"/>
                  <a:pt x="1262" y="1035"/>
                  <a:pt x="1262" y="1035"/>
                </a:cubicBezTo>
                <a:cubicBezTo>
                  <a:pt x="1243" y="1042"/>
                  <a:pt x="1218" y="1048"/>
                  <a:pt x="1205" y="1048"/>
                </a:cubicBezTo>
                <a:cubicBezTo>
                  <a:pt x="1205" y="1048"/>
                  <a:pt x="1212" y="1048"/>
                  <a:pt x="1218" y="1042"/>
                </a:cubicBezTo>
                <a:cubicBezTo>
                  <a:pt x="1218" y="1042"/>
                  <a:pt x="1218" y="1042"/>
                  <a:pt x="1205" y="1048"/>
                </a:cubicBezTo>
                <a:cubicBezTo>
                  <a:pt x="1205" y="1048"/>
                  <a:pt x="1205" y="1048"/>
                  <a:pt x="1224" y="1042"/>
                </a:cubicBezTo>
                <a:cubicBezTo>
                  <a:pt x="1224" y="1042"/>
                  <a:pt x="1224" y="1042"/>
                  <a:pt x="1224" y="1042"/>
                </a:cubicBezTo>
                <a:cubicBezTo>
                  <a:pt x="1212" y="1048"/>
                  <a:pt x="1218" y="1042"/>
                  <a:pt x="1205" y="1048"/>
                </a:cubicBezTo>
                <a:cubicBezTo>
                  <a:pt x="1237" y="1042"/>
                  <a:pt x="1268" y="1029"/>
                  <a:pt x="1300" y="1016"/>
                </a:cubicBezTo>
                <a:cubicBezTo>
                  <a:pt x="1281" y="1022"/>
                  <a:pt x="1281" y="1022"/>
                  <a:pt x="1281" y="1022"/>
                </a:cubicBezTo>
                <a:cubicBezTo>
                  <a:pt x="1287" y="1022"/>
                  <a:pt x="1300" y="1016"/>
                  <a:pt x="1306" y="1003"/>
                </a:cubicBezTo>
                <a:cubicBezTo>
                  <a:pt x="1312" y="1003"/>
                  <a:pt x="1312" y="1003"/>
                  <a:pt x="1312" y="1003"/>
                </a:cubicBezTo>
                <a:cubicBezTo>
                  <a:pt x="1312" y="1003"/>
                  <a:pt x="1312" y="1003"/>
                  <a:pt x="1312" y="1003"/>
                </a:cubicBezTo>
                <a:cubicBezTo>
                  <a:pt x="1318" y="1003"/>
                  <a:pt x="1318" y="1003"/>
                  <a:pt x="1318" y="1003"/>
                </a:cubicBezTo>
                <a:cubicBezTo>
                  <a:pt x="1312" y="1003"/>
                  <a:pt x="1312" y="1003"/>
                  <a:pt x="1312" y="1003"/>
                </a:cubicBezTo>
                <a:cubicBezTo>
                  <a:pt x="1318" y="1003"/>
                  <a:pt x="1318" y="1003"/>
                  <a:pt x="1325" y="1003"/>
                </a:cubicBezTo>
                <a:cubicBezTo>
                  <a:pt x="1369" y="984"/>
                  <a:pt x="1406" y="972"/>
                  <a:pt x="1419" y="959"/>
                </a:cubicBezTo>
                <a:cubicBezTo>
                  <a:pt x="1431" y="953"/>
                  <a:pt x="1438" y="946"/>
                  <a:pt x="1456" y="940"/>
                </a:cubicBezTo>
                <a:cubicBezTo>
                  <a:pt x="1469" y="934"/>
                  <a:pt x="1488" y="927"/>
                  <a:pt x="1494" y="921"/>
                </a:cubicBezTo>
                <a:cubicBezTo>
                  <a:pt x="1494" y="921"/>
                  <a:pt x="1494" y="921"/>
                  <a:pt x="1507" y="908"/>
                </a:cubicBezTo>
                <a:cubicBezTo>
                  <a:pt x="1507" y="908"/>
                  <a:pt x="1507" y="908"/>
                  <a:pt x="1507" y="908"/>
                </a:cubicBezTo>
                <a:cubicBezTo>
                  <a:pt x="1513" y="902"/>
                  <a:pt x="1513" y="902"/>
                  <a:pt x="1513" y="902"/>
                </a:cubicBezTo>
                <a:cubicBezTo>
                  <a:pt x="1513" y="902"/>
                  <a:pt x="1513" y="896"/>
                  <a:pt x="1525" y="896"/>
                </a:cubicBezTo>
                <a:cubicBezTo>
                  <a:pt x="1519" y="896"/>
                  <a:pt x="1519" y="896"/>
                  <a:pt x="1519" y="896"/>
                </a:cubicBezTo>
                <a:cubicBezTo>
                  <a:pt x="1519" y="896"/>
                  <a:pt x="1519" y="896"/>
                  <a:pt x="1513" y="902"/>
                </a:cubicBezTo>
                <a:cubicBezTo>
                  <a:pt x="1519" y="896"/>
                  <a:pt x="1519" y="896"/>
                  <a:pt x="1525" y="889"/>
                </a:cubicBezTo>
                <a:cubicBezTo>
                  <a:pt x="1513" y="902"/>
                  <a:pt x="1494" y="908"/>
                  <a:pt x="1482" y="927"/>
                </a:cubicBezTo>
                <a:cubicBezTo>
                  <a:pt x="1488" y="921"/>
                  <a:pt x="1482" y="927"/>
                  <a:pt x="1482" y="927"/>
                </a:cubicBezTo>
                <a:cubicBezTo>
                  <a:pt x="1482" y="927"/>
                  <a:pt x="1482" y="927"/>
                  <a:pt x="1469" y="934"/>
                </a:cubicBezTo>
                <a:cubicBezTo>
                  <a:pt x="1425" y="959"/>
                  <a:pt x="1400" y="965"/>
                  <a:pt x="1362" y="984"/>
                </a:cubicBezTo>
                <a:cubicBezTo>
                  <a:pt x="1337" y="991"/>
                  <a:pt x="1425" y="953"/>
                  <a:pt x="1350" y="991"/>
                </a:cubicBezTo>
                <a:cubicBezTo>
                  <a:pt x="1369" y="978"/>
                  <a:pt x="1375" y="978"/>
                  <a:pt x="1406" y="965"/>
                </a:cubicBezTo>
                <a:cubicBezTo>
                  <a:pt x="1406" y="965"/>
                  <a:pt x="1406" y="965"/>
                  <a:pt x="1419" y="959"/>
                </a:cubicBezTo>
                <a:cubicBezTo>
                  <a:pt x="1406" y="965"/>
                  <a:pt x="1387" y="972"/>
                  <a:pt x="1375" y="972"/>
                </a:cubicBezTo>
                <a:cubicBezTo>
                  <a:pt x="1369" y="978"/>
                  <a:pt x="1369" y="978"/>
                  <a:pt x="1362" y="984"/>
                </a:cubicBezTo>
                <a:cubicBezTo>
                  <a:pt x="1350" y="984"/>
                  <a:pt x="1331" y="991"/>
                  <a:pt x="1318" y="997"/>
                </a:cubicBezTo>
                <a:cubicBezTo>
                  <a:pt x="1312" y="997"/>
                  <a:pt x="1306" y="1003"/>
                  <a:pt x="1306" y="1003"/>
                </a:cubicBezTo>
                <a:cubicBezTo>
                  <a:pt x="1300" y="1003"/>
                  <a:pt x="1300" y="1003"/>
                  <a:pt x="1293" y="1003"/>
                </a:cubicBezTo>
                <a:cubicBezTo>
                  <a:pt x="1293" y="1003"/>
                  <a:pt x="1293" y="1003"/>
                  <a:pt x="1300" y="1003"/>
                </a:cubicBezTo>
                <a:cubicBezTo>
                  <a:pt x="1306" y="1003"/>
                  <a:pt x="1312" y="997"/>
                  <a:pt x="1312" y="997"/>
                </a:cubicBezTo>
                <a:cubicBezTo>
                  <a:pt x="1306" y="1003"/>
                  <a:pt x="1293" y="1003"/>
                  <a:pt x="1281" y="1016"/>
                </a:cubicBezTo>
                <a:cubicBezTo>
                  <a:pt x="1256" y="1022"/>
                  <a:pt x="1256" y="1022"/>
                  <a:pt x="1256" y="1022"/>
                </a:cubicBezTo>
                <a:cubicBezTo>
                  <a:pt x="1262" y="1022"/>
                  <a:pt x="1262" y="1022"/>
                  <a:pt x="1262" y="1022"/>
                </a:cubicBezTo>
                <a:cubicBezTo>
                  <a:pt x="1281" y="1016"/>
                  <a:pt x="1281" y="1016"/>
                  <a:pt x="1281" y="1016"/>
                </a:cubicBezTo>
                <a:cubicBezTo>
                  <a:pt x="1268" y="1022"/>
                  <a:pt x="1249" y="1029"/>
                  <a:pt x="1237" y="1029"/>
                </a:cubicBezTo>
                <a:cubicBezTo>
                  <a:pt x="1237" y="1029"/>
                  <a:pt x="1237" y="1029"/>
                  <a:pt x="1249" y="1029"/>
                </a:cubicBezTo>
                <a:cubicBezTo>
                  <a:pt x="1199" y="1042"/>
                  <a:pt x="1143" y="1061"/>
                  <a:pt x="1111" y="1061"/>
                </a:cubicBezTo>
                <a:cubicBezTo>
                  <a:pt x="1111" y="1061"/>
                  <a:pt x="1111" y="1061"/>
                  <a:pt x="1080" y="1067"/>
                </a:cubicBezTo>
                <a:cubicBezTo>
                  <a:pt x="1080" y="1067"/>
                  <a:pt x="1080" y="1067"/>
                  <a:pt x="1080" y="1067"/>
                </a:cubicBezTo>
                <a:cubicBezTo>
                  <a:pt x="1080" y="1073"/>
                  <a:pt x="1080" y="1073"/>
                  <a:pt x="1074" y="1073"/>
                </a:cubicBezTo>
                <a:cubicBezTo>
                  <a:pt x="1074" y="1073"/>
                  <a:pt x="1074" y="1073"/>
                  <a:pt x="1074" y="1073"/>
                </a:cubicBezTo>
                <a:cubicBezTo>
                  <a:pt x="1074" y="1073"/>
                  <a:pt x="1074" y="1073"/>
                  <a:pt x="1074" y="1073"/>
                </a:cubicBezTo>
                <a:cubicBezTo>
                  <a:pt x="1061" y="1073"/>
                  <a:pt x="1061" y="1073"/>
                  <a:pt x="1061" y="1073"/>
                </a:cubicBezTo>
                <a:cubicBezTo>
                  <a:pt x="1048" y="1080"/>
                  <a:pt x="1030" y="1080"/>
                  <a:pt x="1017" y="1080"/>
                </a:cubicBezTo>
                <a:cubicBezTo>
                  <a:pt x="1017" y="1080"/>
                  <a:pt x="1017" y="1080"/>
                  <a:pt x="1030" y="1080"/>
                </a:cubicBezTo>
                <a:cubicBezTo>
                  <a:pt x="1036" y="1080"/>
                  <a:pt x="1036" y="1080"/>
                  <a:pt x="1036" y="1080"/>
                </a:cubicBezTo>
                <a:cubicBezTo>
                  <a:pt x="1030" y="1080"/>
                  <a:pt x="1030" y="1080"/>
                  <a:pt x="1030" y="1080"/>
                </a:cubicBezTo>
                <a:cubicBezTo>
                  <a:pt x="1036" y="1080"/>
                  <a:pt x="1036" y="1080"/>
                  <a:pt x="1036" y="1080"/>
                </a:cubicBezTo>
                <a:cubicBezTo>
                  <a:pt x="1036" y="1080"/>
                  <a:pt x="1036" y="1080"/>
                  <a:pt x="1036" y="1080"/>
                </a:cubicBezTo>
                <a:cubicBezTo>
                  <a:pt x="1030" y="1080"/>
                  <a:pt x="1030" y="1080"/>
                  <a:pt x="1023" y="1080"/>
                </a:cubicBezTo>
                <a:cubicBezTo>
                  <a:pt x="1017" y="1086"/>
                  <a:pt x="1011" y="1086"/>
                  <a:pt x="998" y="1086"/>
                </a:cubicBezTo>
                <a:cubicBezTo>
                  <a:pt x="992" y="1086"/>
                  <a:pt x="986" y="1086"/>
                  <a:pt x="986" y="1092"/>
                </a:cubicBezTo>
                <a:cubicBezTo>
                  <a:pt x="954" y="1092"/>
                  <a:pt x="948" y="1092"/>
                  <a:pt x="942" y="1092"/>
                </a:cubicBezTo>
                <a:cubicBezTo>
                  <a:pt x="948" y="1092"/>
                  <a:pt x="948" y="1092"/>
                  <a:pt x="954" y="1092"/>
                </a:cubicBezTo>
                <a:cubicBezTo>
                  <a:pt x="954" y="1092"/>
                  <a:pt x="954" y="1092"/>
                  <a:pt x="967" y="1092"/>
                </a:cubicBezTo>
                <a:cubicBezTo>
                  <a:pt x="954" y="1092"/>
                  <a:pt x="948" y="1092"/>
                  <a:pt x="936" y="1099"/>
                </a:cubicBezTo>
                <a:cubicBezTo>
                  <a:pt x="923" y="1099"/>
                  <a:pt x="910" y="1099"/>
                  <a:pt x="892" y="1105"/>
                </a:cubicBezTo>
                <a:cubicBezTo>
                  <a:pt x="892" y="1105"/>
                  <a:pt x="892" y="1105"/>
                  <a:pt x="885" y="1105"/>
                </a:cubicBezTo>
                <a:cubicBezTo>
                  <a:pt x="885" y="1105"/>
                  <a:pt x="885" y="1105"/>
                  <a:pt x="879" y="1105"/>
                </a:cubicBezTo>
                <a:cubicBezTo>
                  <a:pt x="873" y="1105"/>
                  <a:pt x="867" y="1105"/>
                  <a:pt x="860" y="1105"/>
                </a:cubicBezTo>
                <a:cubicBezTo>
                  <a:pt x="873" y="1105"/>
                  <a:pt x="860" y="1105"/>
                  <a:pt x="873" y="1105"/>
                </a:cubicBezTo>
                <a:cubicBezTo>
                  <a:pt x="910" y="1099"/>
                  <a:pt x="923" y="1099"/>
                  <a:pt x="936" y="1099"/>
                </a:cubicBezTo>
                <a:cubicBezTo>
                  <a:pt x="954" y="1092"/>
                  <a:pt x="979" y="1092"/>
                  <a:pt x="998" y="1086"/>
                </a:cubicBezTo>
                <a:cubicBezTo>
                  <a:pt x="998" y="1086"/>
                  <a:pt x="998" y="1086"/>
                  <a:pt x="998" y="1086"/>
                </a:cubicBezTo>
                <a:cubicBezTo>
                  <a:pt x="954" y="1092"/>
                  <a:pt x="879" y="1105"/>
                  <a:pt x="829" y="1105"/>
                </a:cubicBezTo>
                <a:cubicBezTo>
                  <a:pt x="823" y="1105"/>
                  <a:pt x="823" y="1105"/>
                  <a:pt x="823" y="1105"/>
                </a:cubicBezTo>
                <a:cubicBezTo>
                  <a:pt x="823" y="1105"/>
                  <a:pt x="823" y="1105"/>
                  <a:pt x="823" y="1105"/>
                </a:cubicBezTo>
                <a:cubicBezTo>
                  <a:pt x="791" y="1111"/>
                  <a:pt x="766" y="1111"/>
                  <a:pt x="760" y="1111"/>
                </a:cubicBezTo>
                <a:cubicBezTo>
                  <a:pt x="728" y="1111"/>
                  <a:pt x="747" y="1111"/>
                  <a:pt x="760" y="1111"/>
                </a:cubicBezTo>
                <a:cubicBezTo>
                  <a:pt x="760" y="1111"/>
                  <a:pt x="760" y="1111"/>
                  <a:pt x="741" y="1111"/>
                </a:cubicBezTo>
                <a:cubicBezTo>
                  <a:pt x="728" y="1111"/>
                  <a:pt x="666" y="1124"/>
                  <a:pt x="628" y="1111"/>
                </a:cubicBezTo>
                <a:cubicBezTo>
                  <a:pt x="628" y="1111"/>
                  <a:pt x="628" y="1111"/>
                  <a:pt x="609" y="1111"/>
                </a:cubicBezTo>
                <a:cubicBezTo>
                  <a:pt x="653" y="1124"/>
                  <a:pt x="603" y="1124"/>
                  <a:pt x="653" y="1124"/>
                </a:cubicBezTo>
                <a:cubicBezTo>
                  <a:pt x="672" y="1124"/>
                  <a:pt x="697" y="1124"/>
                  <a:pt x="722" y="1124"/>
                </a:cubicBezTo>
                <a:cubicBezTo>
                  <a:pt x="710" y="1124"/>
                  <a:pt x="697" y="1124"/>
                  <a:pt x="691" y="1124"/>
                </a:cubicBezTo>
                <a:cubicBezTo>
                  <a:pt x="659" y="1124"/>
                  <a:pt x="641" y="1124"/>
                  <a:pt x="622" y="1124"/>
                </a:cubicBezTo>
                <a:cubicBezTo>
                  <a:pt x="615" y="1124"/>
                  <a:pt x="615" y="1124"/>
                  <a:pt x="603" y="1124"/>
                </a:cubicBezTo>
                <a:cubicBezTo>
                  <a:pt x="597" y="1124"/>
                  <a:pt x="590" y="1124"/>
                  <a:pt x="584" y="1124"/>
                </a:cubicBezTo>
                <a:cubicBezTo>
                  <a:pt x="603" y="1124"/>
                  <a:pt x="597" y="1124"/>
                  <a:pt x="615" y="1124"/>
                </a:cubicBezTo>
                <a:cubicBezTo>
                  <a:pt x="609" y="1124"/>
                  <a:pt x="603" y="1124"/>
                  <a:pt x="590" y="1124"/>
                </a:cubicBezTo>
                <a:cubicBezTo>
                  <a:pt x="641" y="1130"/>
                  <a:pt x="691" y="1130"/>
                  <a:pt x="741" y="1130"/>
                </a:cubicBezTo>
                <a:cubicBezTo>
                  <a:pt x="735" y="1130"/>
                  <a:pt x="735" y="1130"/>
                  <a:pt x="728" y="1130"/>
                </a:cubicBezTo>
                <a:cubicBezTo>
                  <a:pt x="735" y="1130"/>
                  <a:pt x="735" y="1130"/>
                  <a:pt x="735" y="1130"/>
                </a:cubicBezTo>
                <a:cubicBezTo>
                  <a:pt x="728" y="1130"/>
                  <a:pt x="728" y="1130"/>
                  <a:pt x="722" y="1130"/>
                </a:cubicBezTo>
                <a:cubicBezTo>
                  <a:pt x="747" y="1124"/>
                  <a:pt x="741" y="1124"/>
                  <a:pt x="760" y="1124"/>
                </a:cubicBezTo>
                <a:cubicBezTo>
                  <a:pt x="760" y="1124"/>
                  <a:pt x="760" y="1124"/>
                  <a:pt x="754" y="1124"/>
                </a:cubicBezTo>
                <a:cubicBezTo>
                  <a:pt x="766" y="1124"/>
                  <a:pt x="779" y="1124"/>
                  <a:pt x="797" y="1124"/>
                </a:cubicBezTo>
                <a:cubicBezTo>
                  <a:pt x="797" y="1124"/>
                  <a:pt x="797" y="1124"/>
                  <a:pt x="797" y="1124"/>
                </a:cubicBezTo>
                <a:cubicBezTo>
                  <a:pt x="810" y="1124"/>
                  <a:pt x="816" y="1124"/>
                  <a:pt x="829" y="1111"/>
                </a:cubicBezTo>
                <a:cubicBezTo>
                  <a:pt x="829" y="1111"/>
                  <a:pt x="829" y="1111"/>
                  <a:pt x="829" y="1111"/>
                </a:cubicBezTo>
                <a:cubicBezTo>
                  <a:pt x="829" y="1111"/>
                  <a:pt x="829" y="1111"/>
                  <a:pt x="829" y="1111"/>
                </a:cubicBezTo>
                <a:cubicBezTo>
                  <a:pt x="879" y="1111"/>
                  <a:pt x="942" y="1105"/>
                  <a:pt x="992" y="1092"/>
                </a:cubicBezTo>
                <a:cubicBezTo>
                  <a:pt x="998" y="1092"/>
                  <a:pt x="998" y="1092"/>
                  <a:pt x="998" y="1092"/>
                </a:cubicBezTo>
                <a:cubicBezTo>
                  <a:pt x="992" y="1092"/>
                  <a:pt x="992" y="1092"/>
                  <a:pt x="992" y="1092"/>
                </a:cubicBezTo>
                <a:cubicBezTo>
                  <a:pt x="1023" y="1086"/>
                  <a:pt x="1042" y="1086"/>
                  <a:pt x="1067" y="1080"/>
                </a:cubicBezTo>
                <a:cubicBezTo>
                  <a:pt x="1055" y="1080"/>
                  <a:pt x="1055" y="1080"/>
                  <a:pt x="1055" y="1080"/>
                </a:cubicBezTo>
                <a:cubicBezTo>
                  <a:pt x="1061" y="1080"/>
                  <a:pt x="1061" y="1080"/>
                  <a:pt x="1061" y="1080"/>
                </a:cubicBezTo>
                <a:cubicBezTo>
                  <a:pt x="1067" y="1080"/>
                  <a:pt x="1067" y="1080"/>
                  <a:pt x="1067" y="1080"/>
                </a:cubicBezTo>
                <a:cubicBezTo>
                  <a:pt x="1080" y="1073"/>
                  <a:pt x="1099" y="1073"/>
                  <a:pt x="1111" y="1067"/>
                </a:cubicBezTo>
                <a:cubicBezTo>
                  <a:pt x="1111" y="1067"/>
                  <a:pt x="1111" y="1067"/>
                  <a:pt x="1111" y="1067"/>
                </a:cubicBezTo>
                <a:cubicBezTo>
                  <a:pt x="1111" y="1067"/>
                  <a:pt x="1111" y="1067"/>
                  <a:pt x="1111" y="1067"/>
                </a:cubicBezTo>
                <a:cubicBezTo>
                  <a:pt x="1136" y="1067"/>
                  <a:pt x="1149" y="1061"/>
                  <a:pt x="1161" y="1061"/>
                </a:cubicBezTo>
                <a:cubicBezTo>
                  <a:pt x="1174" y="1054"/>
                  <a:pt x="1187" y="1054"/>
                  <a:pt x="1205" y="1048"/>
                </a:cubicBezTo>
                <a:cubicBezTo>
                  <a:pt x="1205" y="1048"/>
                  <a:pt x="1205" y="1048"/>
                  <a:pt x="1174" y="1054"/>
                </a:cubicBezTo>
                <a:cubicBezTo>
                  <a:pt x="1174" y="1054"/>
                  <a:pt x="1174" y="1054"/>
                  <a:pt x="1180" y="1054"/>
                </a:cubicBezTo>
                <a:cubicBezTo>
                  <a:pt x="1174" y="1054"/>
                  <a:pt x="1168" y="1061"/>
                  <a:pt x="1161" y="1061"/>
                </a:cubicBezTo>
                <a:cubicBezTo>
                  <a:pt x="1161" y="1061"/>
                  <a:pt x="1161" y="1061"/>
                  <a:pt x="1130" y="1067"/>
                </a:cubicBezTo>
                <a:cubicBezTo>
                  <a:pt x="1130" y="1067"/>
                  <a:pt x="1130" y="1067"/>
                  <a:pt x="1092" y="1073"/>
                </a:cubicBezTo>
                <a:cubicBezTo>
                  <a:pt x="1092" y="1073"/>
                  <a:pt x="1092" y="1073"/>
                  <a:pt x="1099" y="1073"/>
                </a:cubicBezTo>
                <a:cubicBezTo>
                  <a:pt x="1074" y="1080"/>
                  <a:pt x="1030" y="1092"/>
                  <a:pt x="1030" y="1092"/>
                </a:cubicBezTo>
                <a:cubicBezTo>
                  <a:pt x="1030" y="1092"/>
                  <a:pt x="1030" y="1092"/>
                  <a:pt x="1023" y="1092"/>
                </a:cubicBezTo>
                <a:cubicBezTo>
                  <a:pt x="998" y="1092"/>
                  <a:pt x="998" y="1092"/>
                  <a:pt x="998" y="1092"/>
                </a:cubicBezTo>
                <a:cubicBezTo>
                  <a:pt x="998" y="1092"/>
                  <a:pt x="998" y="1092"/>
                  <a:pt x="998" y="1092"/>
                </a:cubicBezTo>
                <a:cubicBezTo>
                  <a:pt x="986" y="1099"/>
                  <a:pt x="979" y="1099"/>
                  <a:pt x="967" y="1099"/>
                </a:cubicBezTo>
                <a:cubicBezTo>
                  <a:pt x="948" y="1099"/>
                  <a:pt x="917" y="1105"/>
                  <a:pt x="879" y="1111"/>
                </a:cubicBezTo>
                <a:cubicBezTo>
                  <a:pt x="873" y="1111"/>
                  <a:pt x="873" y="1111"/>
                  <a:pt x="873" y="1111"/>
                </a:cubicBezTo>
                <a:cubicBezTo>
                  <a:pt x="879" y="1111"/>
                  <a:pt x="879" y="1111"/>
                  <a:pt x="879" y="1111"/>
                </a:cubicBezTo>
                <a:cubicBezTo>
                  <a:pt x="867" y="1111"/>
                  <a:pt x="854" y="1111"/>
                  <a:pt x="841" y="1111"/>
                </a:cubicBezTo>
                <a:cubicBezTo>
                  <a:pt x="841" y="1111"/>
                  <a:pt x="841" y="1124"/>
                  <a:pt x="835" y="1124"/>
                </a:cubicBezTo>
                <a:cubicBezTo>
                  <a:pt x="835" y="1124"/>
                  <a:pt x="835" y="1124"/>
                  <a:pt x="829" y="1124"/>
                </a:cubicBezTo>
                <a:cubicBezTo>
                  <a:pt x="829" y="1124"/>
                  <a:pt x="823" y="1124"/>
                  <a:pt x="816" y="1124"/>
                </a:cubicBezTo>
                <a:cubicBezTo>
                  <a:pt x="804" y="1124"/>
                  <a:pt x="804" y="1124"/>
                  <a:pt x="804" y="1124"/>
                </a:cubicBezTo>
                <a:cubicBezTo>
                  <a:pt x="797" y="1124"/>
                  <a:pt x="797" y="1124"/>
                  <a:pt x="797" y="1124"/>
                </a:cubicBezTo>
                <a:cubicBezTo>
                  <a:pt x="791" y="1124"/>
                  <a:pt x="791" y="1124"/>
                  <a:pt x="791" y="1124"/>
                </a:cubicBezTo>
                <a:cubicBezTo>
                  <a:pt x="791" y="1124"/>
                  <a:pt x="791" y="1124"/>
                  <a:pt x="791" y="1124"/>
                </a:cubicBezTo>
                <a:cubicBezTo>
                  <a:pt x="754" y="1130"/>
                  <a:pt x="722" y="1130"/>
                  <a:pt x="691" y="1130"/>
                </a:cubicBezTo>
                <a:cubicBezTo>
                  <a:pt x="672" y="1130"/>
                  <a:pt x="672" y="1130"/>
                  <a:pt x="653" y="1130"/>
                </a:cubicBezTo>
                <a:cubicBezTo>
                  <a:pt x="609" y="1130"/>
                  <a:pt x="584" y="1130"/>
                  <a:pt x="565" y="1130"/>
                </a:cubicBezTo>
                <a:cubicBezTo>
                  <a:pt x="565" y="1130"/>
                  <a:pt x="565" y="1130"/>
                  <a:pt x="565" y="1130"/>
                </a:cubicBezTo>
                <a:cubicBezTo>
                  <a:pt x="540" y="1124"/>
                  <a:pt x="528" y="1124"/>
                  <a:pt x="509" y="1124"/>
                </a:cubicBezTo>
                <a:cubicBezTo>
                  <a:pt x="484" y="1111"/>
                  <a:pt x="465" y="1111"/>
                  <a:pt x="440" y="1105"/>
                </a:cubicBezTo>
                <a:cubicBezTo>
                  <a:pt x="408" y="1105"/>
                  <a:pt x="371" y="1092"/>
                  <a:pt x="333" y="1086"/>
                </a:cubicBezTo>
                <a:cubicBezTo>
                  <a:pt x="333" y="1086"/>
                  <a:pt x="333" y="1086"/>
                  <a:pt x="346" y="1086"/>
                </a:cubicBezTo>
                <a:cubicBezTo>
                  <a:pt x="333" y="1086"/>
                  <a:pt x="327" y="1086"/>
                  <a:pt x="321" y="1086"/>
                </a:cubicBezTo>
                <a:cubicBezTo>
                  <a:pt x="308" y="1080"/>
                  <a:pt x="289" y="1073"/>
                  <a:pt x="270" y="1067"/>
                </a:cubicBezTo>
                <a:cubicBezTo>
                  <a:pt x="270" y="1067"/>
                  <a:pt x="270" y="1067"/>
                  <a:pt x="270" y="1067"/>
                </a:cubicBezTo>
                <a:cubicBezTo>
                  <a:pt x="258" y="1061"/>
                  <a:pt x="245" y="1061"/>
                  <a:pt x="226" y="1054"/>
                </a:cubicBezTo>
                <a:cubicBezTo>
                  <a:pt x="226" y="1048"/>
                  <a:pt x="214" y="1048"/>
                  <a:pt x="214" y="1048"/>
                </a:cubicBezTo>
                <a:cubicBezTo>
                  <a:pt x="333" y="1099"/>
                  <a:pt x="465" y="1111"/>
                  <a:pt x="521" y="1124"/>
                </a:cubicBezTo>
                <a:cubicBezTo>
                  <a:pt x="553" y="1124"/>
                  <a:pt x="528" y="1124"/>
                  <a:pt x="572" y="1124"/>
                </a:cubicBezTo>
                <a:cubicBezTo>
                  <a:pt x="565" y="1124"/>
                  <a:pt x="528" y="1124"/>
                  <a:pt x="496" y="1111"/>
                </a:cubicBezTo>
                <a:cubicBezTo>
                  <a:pt x="496" y="1111"/>
                  <a:pt x="503" y="1111"/>
                  <a:pt x="509" y="1111"/>
                </a:cubicBezTo>
                <a:cubicBezTo>
                  <a:pt x="446" y="1105"/>
                  <a:pt x="402" y="1099"/>
                  <a:pt x="364" y="1086"/>
                </a:cubicBezTo>
                <a:cubicBezTo>
                  <a:pt x="364" y="1086"/>
                  <a:pt x="364" y="1086"/>
                  <a:pt x="364" y="1086"/>
                </a:cubicBezTo>
                <a:cubicBezTo>
                  <a:pt x="358" y="1086"/>
                  <a:pt x="358" y="1086"/>
                  <a:pt x="358" y="1086"/>
                </a:cubicBezTo>
                <a:cubicBezTo>
                  <a:pt x="333" y="1080"/>
                  <a:pt x="314" y="1080"/>
                  <a:pt x="295" y="1073"/>
                </a:cubicBezTo>
                <a:cubicBezTo>
                  <a:pt x="295" y="1067"/>
                  <a:pt x="302" y="1073"/>
                  <a:pt x="251" y="1054"/>
                </a:cubicBezTo>
                <a:cubicBezTo>
                  <a:pt x="251" y="1054"/>
                  <a:pt x="251" y="1054"/>
                  <a:pt x="270" y="1061"/>
                </a:cubicBezTo>
                <a:cubicBezTo>
                  <a:pt x="251" y="1054"/>
                  <a:pt x="226" y="1048"/>
                  <a:pt x="208" y="1035"/>
                </a:cubicBezTo>
                <a:cubicBezTo>
                  <a:pt x="208" y="1035"/>
                  <a:pt x="208" y="1035"/>
                  <a:pt x="201" y="1035"/>
                </a:cubicBezTo>
                <a:cubicBezTo>
                  <a:pt x="189" y="1029"/>
                  <a:pt x="189" y="1029"/>
                  <a:pt x="189" y="1029"/>
                </a:cubicBezTo>
                <a:cubicBezTo>
                  <a:pt x="189" y="1029"/>
                  <a:pt x="189" y="1029"/>
                  <a:pt x="189" y="1022"/>
                </a:cubicBezTo>
                <a:cubicBezTo>
                  <a:pt x="189" y="1022"/>
                  <a:pt x="189" y="1022"/>
                  <a:pt x="189" y="1022"/>
                </a:cubicBezTo>
                <a:cubicBezTo>
                  <a:pt x="189" y="1022"/>
                  <a:pt x="189" y="1022"/>
                  <a:pt x="189" y="1022"/>
                </a:cubicBezTo>
                <a:cubicBezTo>
                  <a:pt x="189" y="1022"/>
                  <a:pt x="189" y="1022"/>
                  <a:pt x="189" y="1022"/>
                </a:cubicBezTo>
                <a:cubicBezTo>
                  <a:pt x="189" y="1022"/>
                  <a:pt x="189" y="1022"/>
                  <a:pt x="182" y="1022"/>
                </a:cubicBezTo>
                <a:cubicBezTo>
                  <a:pt x="182" y="1022"/>
                  <a:pt x="182" y="1022"/>
                  <a:pt x="182" y="1022"/>
                </a:cubicBezTo>
                <a:cubicBezTo>
                  <a:pt x="176" y="1016"/>
                  <a:pt x="176" y="1016"/>
                  <a:pt x="176" y="1016"/>
                </a:cubicBezTo>
                <a:cubicBezTo>
                  <a:pt x="176" y="1016"/>
                  <a:pt x="176" y="1022"/>
                  <a:pt x="182" y="1022"/>
                </a:cubicBezTo>
                <a:cubicBezTo>
                  <a:pt x="176" y="1016"/>
                  <a:pt x="170" y="1016"/>
                  <a:pt x="164" y="1003"/>
                </a:cubicBezTo>
                <a:cubicBezTo>
                  <a:pt x="164" y="1003"/>
                  <a:pt x="170" y="1016"/>
                  <a:pt x="176" y="1016"/>
                </a:cubicBezTo>
                <a:cubicBezTo>
                  <a:pt x="170" y="1016"/>
                  <a:pt x="157" y="997"/>
                  <a:pt x="151" y="991"/>
                </a:cubicBezTo>
                <a:cubicBezTo>
                  <a:pt x="107" y="965"/>
                  <a:pt x="95" y="953"/>
                  <a:pt x="95" y="946"/>
                </a:cubicBezTo>
                <a:cubicBezTo>
                  <a:pt x="76" y="921"/>
                  <a:pt x="51" y="876"/>
                  <a:pt x="51" y="826"/>
                </a:cubicBezTo>
                <a:cubicBezTo>
                  <a:pt x="51" y="876"/>
                  <a:pt x="76" y="934"/>
                  <a:pt x="120" y="972"/>
                </a:cubicBezTo>
                <a:cubicBezTo>
                  <a:pt x="107" y="965"/>
                  <a:pt x="107" y="965"/>
                  <a:pt x="107" y="965"/>
                </a:cubicBezTo>
                <a:cubicBezTo>
                  <a:pt x="107" y="972"/>
                  <a:pt x="120" y="972"/>
                  <a:pt x="120" y="972"/>
                </a:cubicBezTo>
                <a:cubicBezTo>
                  <a:pt x="126" y="978"/>
                  <a:pt x="126" y="978"/>
                  <a:pt x="132" y="984"/>
                </a:cubicBezTo>
                <a:cubicBezTo>
                  <a:pt x="132" y="984"/>
                  <a:pt x="132" y="984"/>
                  <a:pt x="139" y="984"/>
                </a:cubicBezTo>
                <a:cubicBezTo>
                  <a:pt x="139" y="984"/>
                  <a:pt x="139" y="984"/>
                  <a:pt x="132" y="984"/>
                </a:cubicBezTo>
                <a:cubicBezTo>
                  <a:pt x="132" y="984"/>
                  <a:pt x="132" y="984"/>
                  <a:pt x="132" y="984"/>
                </a:cubicBezTo>
                <a:cubicBezTo>
                  <a:pt x="132" y="984"/>
                  <a:pt x="132" y="984"/>
                  <a:pt x="132" y="984"/>
                </a:cubicBezTo>
                <a:cubicBezTo>
                  <a:pt x="132" y="984"/>
                  <a:pt x="132" y="984"/>
                  <a:pt x="132" y="984"/>
                </a:cubicBezTo>
                <a:cubicBezTo>
                  <a:pt x="126" y="984"/>
                  <a:pt x="126" y="978"/>
                  <a:pt x="120" y="972"/>
                </a:cubicBezTo>
                <a:cubicBezTo>
                  <a:pt x="107" y="965"/>
                  <a:pt x="101" y="959"/>
                  <a:pt x="88" y="946"/>
                </a:cubicBezTo>
                <a:cubicBezTo>
                  <a:pt x="95" y="953"/>
                  <a:pt x="95" y="959"/>
                  <a:pt x="101" y="965"/>
                </a:cubicBezTo>
                <a:cubicBezTo>
                  <a:pt x="95" y="953"/>
                  <a:pt x="82" y="946"/>
                  <a:pt x="82" y="940"/>
                </a:cubicBezTo>
                <a:cubicBezTo>
                  <a:pt x="82" y="940"/>
                  <a:pt x="82" y="940"/>
                  <a:pt x="82" y="934"/>
                </a:cubicBezTo>
                <a:cubicBezTo>
                  <a:pt x="82" y="934"/>
                  <a:pt x="82" y="934"/>
                  <a:pt x="76" y="934"/>
                </a:cubicBezTo>
                <a:cubicBezTo>
                  <a:pt x="76" y="927"/>
                  <a:pt x="76" y="927"/>
                  <a:pt x="76" y="927"/>
                </a:cubicBezTo>
                <a:cubicBezTo>
                  <a:pt x="76" y="934"/>
                  <a:pt x="82" y="934"/>
                  <a:pt x="82" y="940"/>
                </a:cubicBezTo>
                <a:cubicBezTo>
                  <a:pt x="76" y="927"/>
                  <a:pt x="76" y="927"/>
                  <a:pt x="76" y="927"/>
                </a:cubicBezTo>
                <a:cubicBezTo>
                  <a:pt x="76" y="927"/>
                  <a:pt x="76" y="927"/>
                  <a:pt x="76" y="927"/>
                </a:cubicBezTo>
                <a:cubicBezTo>
                  <a:pt x="76" y="927"/>
                  <a:pt x="76" y="927"/>
                  <a:pt x="76" y="927"/>
                </a:cubicBezTo>
                <a:cubicBezTo>
                  <a:pt x="76" y="927"/>
                  <a:pt x="76" y="921"/>
                  <a:pt x="70" y="908"/>
                </a:cubicBezTo>
                <a:cubicBezTo>
                  <a:pt x="63" y="908"/>
                  <a:pt x="63" y="902"/>
                  <a:pt x="63" y="896"/>
                </a:cubicBezTo>
                <a:cubicBezTo>
                  <a:pt x="63" y="896"/>
                  <a:pt x="63" y="896"/>
                  <a:pt x="63" y="896"/>
                </a:cubicBezTo>
                <a:cubicBezTo>
                  <a:pt x="63" y="902"/>
                  <a:pt x="63" y="902"/>
                  <a:pt x="70" y="921"/>
                </a:cubicBezTo>
                <a:cubicBezTo>
                  <a:pt x="70" y="908"/>
                  <a:pt x="70" y="908"/>
                  <a:pt x="70" y="908"/>
                </a:cubicBezTo>
                <a:cubicBezTo>
                  <a:pt x="44" y="851"/>
                  <a:pt x="44" y="832"/>
                  <a:pt x="51" y="781"/>
                </a:cubicBezTo>
                <a:cubicBezTo>
                  <a:pt x="51" y="756"/>
                  <a:pt x="82" y="673"/>
                  <a:pt x="145" y="604"/>
                </a:cubicBezTo>
                <a:cubicBezTo>
                  <a:pt x="157" y="584"/>
                  <a:pt x="176" y="565"/>
                  <a:pt x="195" y="553"/>
                </a:cubicBezTo>
                <a:cubicBezTo>
                  <a:pt x="195" y="553"/>
                  <a:pt x="195" y="553"/>
                  <a:pt x="195" y="553"/>
                </a:cubicBezTo>
                <a:cubicBezTo>
                  <a:pt x="195" y="553"/>
                  <a:pt x="195" y="553"/>
                  <a:pt x="195" y="553"/>
                </a:cubicBezTo>
                <a:cubicBezTo>
                  <a:pt x="214" y="534"/>
                  <a:pt x="239" y="508"/>
                  <a:pt x="258" y="496"/>
                </a:cubicBezTo>
                <a:cubicBezTo>
                  <a:pt x="251" y="502"/>
                  <a:pt x="245" y="508"/>
                  <a:pt x="239" y="515"/>
                </a:cubicBezTo>
                <a:cubicBezTo>
                  <a:pt x="239" y="515"/>
                  <a:pt x="239" y="515"/>
                  <a:pt x="226" y="527"/>
                </a:cubicBezTo>
                <a:cubicBezTo>
                  <a:pt x="239" y="508"/>
                  <a:pt x="251" y="502"/>
                  <a:pt x="251" y="502"/>
                </a:cubicBezTo>
                <a:cubicBezTo>
                  <a:pt x="226" y="515"/>
                  <a:pt x="226" y="515"/>
                  <a:pt x="214" y="534"/>
                </a:cubicBezTo>
                <a:cubicBezTo>
                  <a:pt x="258" y="489"/>
                  <a:pt x="295" y="464"/>
                  <a:pt x="321" y="451"/>
                </a:cubicBezTo>
                <a:cubicBezTo>
                  <a:pt x="346" y="438"/>
                  <a:pt x="364" y="426"/>
                  <a:pt x="383" y="419"/>
                </a:cubicBezTo>
                <a:cubicBezTo>
                  <a:pt x="377" y="419"/>
                  <a:pt x="377" y="419"/>
                  <a:pt x="371" y="419"/>
                </a:cubicBezTo>
                <a:cubicBezTo>
                  <a:pt x="377" y="419"/>
                  <a:pt x="371" y="419"/>
                  <a:pt x="383" y="419"/>
                </a:cubicBezTo>
                <a:cubicBezTo>
                  <a:pt x="383" y="419"/>
                  <a:pt x="383" y="419"/>
                  <a:pt x="402" y="400"/>
                </a:cubicBezTo>
                <a:cubicBezTo>
                  <a:pt x="396" y="400"/>
                  <a:pt x="396" y="400"/>
                  <a:pt x="396" y="407"/>
                </a:cubicBezTo>
                <a:cubicBezTo>
                  <a:pt x="377" y="419"/>
                  <a:pt x="371" y="426"/>
                  <a:pt x="346" y="438"/>
                </a:cubicBezTo>
                <a:cubicBezTo>
                  <a:pt x="346" y="438"/>
                  <a:pt x="346" y="438"/>
                  <a:pt x="321" y="451"/>
                </a:cubicBezTo>
                <a:cubicBezTo>
                  <a:pt x="333" y="445"/>
                  <a:pt x="352" y="438"/>
                  <a:pt x="358" y="432"/>
                </a:cubicBezTo>
                <a:cubicBezTo>
                  <a:pt x="358" y="432"/>
                  <a:pt x="358" y="432"/>
                  <a:pt x="352" y="438"/>
                </a:cubicBezTo>
                <a:cubicBezTo>
                  <a:pt x="358" y="432"/>
                  <a:pt x="364" y="432"/>
                  <a:pt x="364" y="426"/>
                </a:cubicBezTo>
                <a:cubicBezTo>
                  <a:pt x="371" y="426"/>
                  <a:pt x="371" y="426"/>
                  <a:pt x="377" y="426"/>
                </a:cubicBezTo>
                <a:cubicBezTo>
                  <a:pt x="371" y="426"/>
                  <a:pt x="371" y="426"/>
                  <a:pt x="371" y="426"/>
                </a:cubicBezTo>
                <a:cubicBezTo>
                  <a:pt x="383" y="419"/>
                  <a:pt x="396" y="407"/>
                  <a:pt x="408" y="400"/>
                </a:cubicBezTo>
                <a:cubicBezTo>
                  <a:pt x="402" y="400"/>
                  <a:pt x="402" y="400"/>
                  <a:pt x="402" y="400"/>
                </a:cubicBezTo>
                <a:cubicBezTo>
                  <a:pt x="415" y="400"/>
                  <a:pt x="408" y="400"/>
                  <a:pt x="408" y="400"/>
                </a:cubicBezTo>
                <a:cubicBezTo>
                  <a:pt x="421" y="394"/>
                  <a:pt x="433" y="388"/>
                  <a:pt x="440" y="381"/>
                </a:cubicBezTo>
                <a:cubicBezTo>
                  <a:pt x="446" y="375"/>
                  <a:pt x="465" y="375"/>
                  <a:pt x="471" y="369"/>
                </a:cubicBezTo>
                <a:cubicBezTo>
                  <a:pt x="465" y="375"/>
                  <a:pt x="465" y="375"/>
                  <a:pt x="465" y="375"/>
                </a:cubicBezTo>
                <a:cubicBezTo>
                  <a:pt x="484" y="362"/>
                  <a:pt x="484" y="362"/>
                  <a:pt x="484" y="362"/>
                </a:cubicBezTo>
                <a:cubicBezTo>
                  <a:pt x="477" y="369"/>
                  <a:pt x="477" y="369"/>
                  <a:pt x="477" y="369"/>
                </a:cubicBezTo>
                <a:cubicBezTo>
                  <a:pt x="471" y="369"/>
                  <a:pt x="471" y="369"/>
                  <a:pt x="471" y="369"/>
                </a:cubicBezTo>
                <a:cubicBezTo>
                  <a:pt x="471" y="369"/>
                  <a:pt x="471" y="369"/>
                  <a:pt x="465" y="375"/>
                </a:cubicBezTo>
                <a:cubicBezTo>
                  <a:pt x="459" y="375"/>
                  <a:pt x="421" y="388"/>
                  <a:pt x="402" y="400"/>
                </a:cubicBezTo>
                <a:cubicBezTo>
                  <a:pt x="402" y="400"/>
                  <a:pt x="402" y="400"/>
                  <a:pt x="402" y="400"/>
                </a:cubicBezTo>
                <a:cubicBezTo>
                  <a:pt x="402" y="400"/>
                  <a:pt x="402" y="400"/>
                  <a:pt x="408" y="400"/>
                </a:cubicBezTo>
                <a:cubicBezTo>
                  <a:pt x="421" y="388"/>
                  <a:pt x="465" y="369"/>
                  <a:pt x="503" y="356"/>
                </a:cubicBezTo>
                <a:cubicBezTo>
                  <a:pt x="496" y="356"/>
                  <a:pt x="496" y="356"/>
                  <a:pt x="496" y="356"/>
                </a:cubicBezTo>
                <a:cubicBezTo>
                  <a:pt x="490" y="362"/>
                  <a:pt x="484" y="362"/>
                  <a:pt x="477" y="369"/>
                </a:cubicBezTo>
                <a:cubicBezTo>
                  <a:pt x="490" y="362"/>
                  <a:pt x="509" y="350"/>
                  <a:pt x="534" y="343"/>
                </a:cubicBezTo>
                <a:cubicBezTo>
                  <a:pt x="534" y="343"/>
                  <a:pt x="534" y="343"/>
                  <a:pt x="540" y="343"/>
                </a:cubicBezTo>
                <a:cubicBezTo>
                  <a:pt x="534" y="343"/>
                  <a:pt x="534" y="343"/>
                  <a:pt x="534" y="343"/>
                </a:cubicBezTo>
                <a:cubicBezTo>
                  <a:pt x="546" y="337"/>
                  <a:pt x="565" y="331"/>
                  <a:pt x="584" y="324"/>
                </a:cubicBezTo>
                <a:cubicBezTo>
                  <a:pt x="597" y="324"/>
                  <a:pt x="584" y="324"/>
                  <a:pt x="609" y="318"/>
                </a:cubicBezTo>
                <a:cubicBezTo>
                  <a:pt x="609" y="318"/>
                  <a:pt x="609" y="318"/>
                  <a:pt x="590" y="324"/>
                </a:cubicBezTo>
                <a:cubicBezTo>
                  <a:pt x="590" y="324"/>
                  <a:pt x="590" y="324"/>
                  <a:pt x="590" y="324"/>
                </a:cubicBezTo>
                <a:cubicBezTo>
                  <a:pt x="578" y="324"/>
                  <a:pt x="565" y="331"/>
                  <a:pt x="553" y="337"/>
                </a:cubicBezTo>
                <a:cubicBezTo>
                  <a:pt x="553" y="337"/>
                  <a:pt x="553" y="337"/>
                  <a:pt x="553" y="337"/>
                </a:cubicBezTo>
                <a:cubicBezTo>
                  <a:pt x="553" y="337"/>
                  <a:pt x="553" y="337"/>
                  <a:pt x="553" y="337"/>
                </a:cubicBezTo>
                <a:cubicBezTo>
                  <a:pt x="546" y="337"/>
                  <a:pt x="546" y="337"/>
                  <a:pt x="546" y="337"/>
                </a:cubicBezTo>
                <a:cubicBezTo>
                  <a:pt x="546" y="337"/>
                  <a:pt x="546" y="337"/>
                  <a:pt x="540" y="337"/>
                </a:cubicBezTo>
                <a:cubicBezTo>
                  <a:pt x="540" y="337"/>
                  <a:pt x="540" y="337"/>
                  <a:pt x="540" y="337"/>
                </a:cubicBezTo>
                <a:cubicBezTo>
                  <a:pt x="540" y="337"/>
                  <a:pt x="540" y="337"/>
                  <a:pt x="540" y="337"/>
                </a:cubicBezTo>
                <a:cubicBezTo>
                  <a:pt x="603" y="318"/>
                  <a:pt x="666" y="286"/>
                  <a:pt x="666" y="292"/>
                </a:cubicBezTo>
                <a:cubicBezTo>
                  <a:pt x="672" y="286"/>
                  <a:pt x="697" y="280"/>
                  <a:pt x="703" y="280"/>
                </a:cubicBezTo>
                <a:cubicBezTo>
                  <a:pt x="760" y="267"/>
                  <a:pt x="779" y="261"/>
                  <a:pt x="854" y="248"/>
                </a:cubicBezTo>
                <a:cubicBezTo>
                  <a:pt x="854" y="248"/>
                  <a:pt x="854" y="248"/>
                  <a:pt x="829" y="254"/>
                </a:cubicBezTo>
                <a:cubicBezTo>
                  <a:pt x="829" y="254"/>
                  <a:pt x="829" y="254"/>
                  <a:pt x="829" y="248"/>
                </a:cubicBezTo>
                <a:cubicBezTo>
                  <a:pt x="860" y="248"/>
                  <a:pt x="854" y="248"/>
                  <a:pt x="860" y="248"/>
                </a:cubicBezTo>
                <a:cubicBezTo>
                  <a:pt x="860" y="248"/>
                  <a:pt x="860" y="248"/>
                  <a:pt x="885" y="242"/>
                </a:cubicBezTo>
                <a:cubicBezTo>
                  <a:pt x="892" y="242"/>
                  <a:pt x="892" y="242"/>
                  <a:pt x="892" y="242"/>
                </a:cubicBezTo>
                <a:cubicBezTo>
                  <a:pt x="910" y="242"/>
                  <a:pt x="923" y="242"/>
                  <a:pt x="948" y="235"/>
                </a:cubicBezTo>
                <a:cubicBezTo>
                  <a:pt x="948" y="235"/>
                  <a:pt x="942" y="235"/>
                  <a:pt x="961" y="235"/>
                </a:cubicBezTo>
                <a:cubicBezTo>
                  <a:pt x="961" y="235"/>
                  <a:pt x="961" y="235"/>
                  <a:pt x="961" y="235"/>
                </a:cubicBezTo>
                <a:cubicBezTo>
                  <a:pt x="979" y="229"/>
                  <a:pt x="998" y="229"/>
                  <a:pt x="1030" y="229"/>
                </a:cubicBezTo>
                <a:cubicBezTo>
                  <a:pt x="1030" y="229"/>
                  <a:pt x="1030" y="229"/>
                  <a:pt x="1017" y="229"/>
                </a:cubicBezTo>
                <a:cubicBezTo>
                  <a:pt x="1036" y="229"/>
                  <a:pt x="1055" y="229"/>
                  <a:pt x="1067" y="229"/>
                </a:cubicBezTo>
                <a:cubicBezTo>
                  <a:pt x="1080" y="229"/>
                  <a:pt x="1074" y="229"/>
                  <a:pt x="1086" y="229"/>
                </a:cubicBezTo>
                <a:cubicBezTo>
                  <a:pt x="1086" y="229"/>
                  <a:pt x="1086" y="229"/>
                  <a:pt x="1099" y="223"/>
                </a:cubicBezTo>
                <a:cubicBezTo>
                  <a:pt x="1105" y="223"/>
                  <a:pt x="1105" y="223"/>
                  <a:pt x="1105" y="223"/>
                </a:cubicBezTo>
                <a:cubicBezTo>
                  <a:pt x="1111" y="223"/>
                  <a:pt x="1111" y="223"/>
                  <a:pt x="1118" y="223"/>
                </a:cubicBezTo>
                <a:cubicBezTo>
                  <a:pt x="1130" y="223"/>
                  <a:pt x="1118" y="223"/>
                  <a:pt x="1143" y="223"/>
                </a:cubicBezTo>
                <a:cubicBezTo>
                  <a:pt x="1130" y="223"/>
                  <a:pt x="1055" y="223"/>
                  <a:pt x="1011" y="229"/>
                </a:cubicBezTo>
                <a:cubicBezTo>
                  <a:pt x="1011" y="229"/>
                  <a:pt x="1011" y="229"/>
                  <a:pt x="1011" y="229"/>
                </a:cubicBezTo>
                <a:cubicBezTo>
                  <a:pt x="1030" y="229"/>
                  <a:pt x="1042" y="223"/>
                  <a:pt x="1055" y="223"/>
                </a:cubicBezTo>
                <a:cubicBezTo>
                  <a:pt x="1061" y="223"/>
                  <a:pt x="1061" y="223"/>
                  <a:pt x="1067" y="223"/>
                </a:cubicBezTo>
                <a:cubicBezTo>
                  <a:pt x="1048" y="223"/>
                  <a:pt x="1023" y="223"/>
                  <a:pt x="998" y="229"/>
                </a:cubicBezTo>
                <a:cubicBezTo>
                  <a:pt x="998" y="229"/>
                  <a:pt x="992" y="223"/>
                  <a:pt x="1023" y="223"/>
                </a:cubicBezTo>
                <a:cubicBezTo>
                  <a:pt x="1011" y="223"/>
                  <a:pt x="992" y="223"/>
                  <a:pt x="992" y="223"/>
                </a:cubicBezTo>
                <a:cubicBezTo>
                  <a:pt x="992" y="223"/>
                  <a:pt x="992" y="223"/>
                  <a:pt x="1017" y="223"/>
                </a:cubicBezTo>
                <a:cubicBezTo>
                  <a:pt x="998" y="223"/>
                  <a:pt x="986" y="223"/>
                  <a:pt x="986" y="223"/>
                </a:cubicBezTo>
                <a:cubicBezTo>
                  <a:pt x="992" y="223"/>
                  <a:pt x="992" y="223"/>
                  <a:pt x="992" y="223"/>
                </a:cubicBezTo>
                <a:cubicBezTo>
                  <a:pt x="986" y="223"/>
                  <a:pt x="986" y="223"/>
                  <a:pt x="986" y="223"/>
                </a:cubicBezTo>
                <a:cubicBezTo>
                  <a:pt x="986" y="223"/>
                  <a:pt x="986" y="223"/>
                  <a:pt x="986" y="223"/>
                </a:cubicBezTo>
                <a:cubicBezTo>
                  <a:pt x="986" y="223"/>
                  <a:pt x="979" y="223"/>
                  <a:pt x="973" y="223"/>
                </a:cubicBezTo>
                <a:cubicBezTo>
                  <a:pt x="979" y="223"/>
                  <a:pt x="979" y="223"/>
                  <a:pt x="998" y="216"/>
                </a:cubicBezTo>
                <a:cubicBezTo>
                  <a:pt x="986" y="223"/>
                  <a:pt x="973" y="223"/>
                  <a:pt x="961" y="223"/>
                </a:cubicBezTo>
                <a:cubicBezTo>
                  <a:pt x="973" y="223"/>
                  <a:pt x="979" y="216"/>
                  <a:pt x="992" y="216"/>
                </a:cubicBezTo>
                <a:cubicBezTo>
                  <a:pt x="992" y="216"/>
                  <a:pt x="992" y="216"/>
                  <a:pt x="1017" y="216"/>
                </a:cubicBezTo>
                <a:cubicBezTo>
                  <a:pt x="1030" y="216"/>
                  <a:pt x="1011" y="216"/>
                  <a:pt x="998" y="216"/>
                </a:cubicBezTo>
                <a:cubicBezTo>
                  <a:pt x="998" y="216"/>
                  <a:pt x="998" y="216"/>
                  <a:pt x="1011" y="216"/>
                </a:cubicBezTo>
                <a:cubicBezTo>
                  <a:pt x="1011" y="216"/>
                  <a:pt x="1011" y="216"/>
                  <a:pt x="986" y="216"/>
                </a:cubicBezTo>
                <a:cubicBezTo>
                  <a:pt x="992" y="216"/>
                  <a:pt x="998" y="216"/>
                  <a:pt x="1017" y="216"/>
                </a:cubicBezTo>
                <a:cubicBezTo>
                  <a:pt x="1017" y="216"/>
                  <a:pt x="1011" y="216"/>
                  <a:pt x="1030" y="216"/>
                </a:cubicBezTo>
                <a:cubicBezTo>
                  <a:pt x="1023" y="216"/>
                  <a:pt x="1023" y="216"/>
                  <a:pt x="1023" y="216"/>
                </a:cubicBezTo>
                <a:cubicBezTo>
                  <a:pt x="1023" y="216"/>
                  <a:pt x="1023" y="216"/>
                  <a:pt x="1030" y="204"/>
                </a:cubicBezTo>
                <a:cubicBezTo>
                  <a:pt x="979" y="216"/>
                  <a:pt x="973" y="216"/>
                  <a:pt x="973" y="216"/>
                </a:cubicBezTo>
                <a:cubicBezTo>
                  <a:pt x="986" y="216"/>
                  <a:pt x="986" y="216"/>
                  <a:pt x="986" y="216"/>
                </a:cubicBezTo>
                <a:cubicBezTo>
                  <a:pt x="973" y="216"/>
                  <a:pt x="973" y="216"/>
                  <a:pt x="973" y="216"/>
                </a:cubicBezTo>
                <a:cubicBezTo>
                  <a:pt x="954" y="216"/>
                  <a:pt x="942" y="223"/>
                  <a:pt x="929" y="223"/>
                </a:cubicBezTo>
                <a:cubicBezTo>
                  <a:pt x="929" y="223"/>
                  <a:pt x="948" y="223"/>
                  <a:pt x="961" y="216"/>
                </a:cubicBezTo>
                <a:cubicBezTo>
                  <a:pt x="967" y="216"/>
                  <a:pt x="967" y="216"/>
                  <a:pt x="973" y="216"/>
                </a:cubicBezTo>
                <a:cubicBezTo>
                  <a:pt x="973" y="216"/>
                  <a:pt x="973" y="216"/>
                  <a:pt x="967" y="216"/>
                </a:cubicBezTo>
                <a:cubicBezTo>
                  <a:pt x="973" y="216"/>
                  <a:pt x="973" y="216"/>
                  <a:pt x="973" y="216"/>
                </a:cubicBezTo>
                <a:cubicBezTo>
                  <a:pt x="967" y="223"/>
                  <a:pt x="954" y="223"/>
                  <a:pt x="942" y="223"/>
                </a:cubicBezTo>
                <a:cubicBezTo>
                  <a:pt x="954" y="223"/>
                  <a:pt x="961" y="223"/>
                  <a:pt x="967" y="216"/>
                </a:cubicBezTo>
                <a:cubicBezTo>
                  <a:pt x="948" y="223"/>
                  <a:pt x="948" y="223"/>
                  <a:pt x="948" y="223"/>
                </a:cubicBezTo>
                <a:cubicBezTo>
                  <a:pt x="942" y="223"/>
                  <a:pt x="942" y="223"/>
                  <a:pt x="936" y="223"/>
                </a:cubicBezTo>
                <a:cubicBezTo>
                  <a:pt x="923" y="223"/>
                  <a:pt x="910" y="229"/>
                  <a:pt x="885" y="229"/>
                </a:cubicBezTo>
                <a:cubicBezTo>
                  <a:pt x="892" y="229"/>
                  <a:pt x="892" y="229"/>
                  <a:pt x="892" y="229"/>
                </a:cubicBezTo>
                <a:cubicBezTo>
                  <a:pt x="904" y="229"/>
                  <a:pt x="904" y="223"/>
                  <a:pt x="904" y="223"/>
                </a:cubicBezTo>
                <a:cubicBezTo>
                  <a:pt x="904" y="223"/>
                  <a:pt x="904" y="223"/>
                  <a:pt x="910" y="223"/>
                </a:cubicBezTo>
                <a:cubicBezTo>
                  <a:pt x="917" y="223"/>
                  <a:pt x="917" y="223"/>
                  <a:pt x="917" y="223"/>
                </a:cubicBezTo>
                <a:cubicBezTo>
                  <a:pt x="910" y="223"/>
                  <a:pt x="910" y="223"/>
                  <a:pt x="910" y="223"/>
                </a:cubicBezTo>
                <a:cubicBezTo>
                  <a:pt x="904" y="223"/>
                  <a:pt x="892" y="223"/>
                  <a:pt x="885" y="229"/>
                </a:cubicBezTo>
                <a:cubicBezTo>
                  <a:pt x="885" y="229"/>
                  <a:pt x="885" y="229"/>
                  <a:pt x="879" y="229"/>
                </a:cubicBezTo>
                <a:cubicBezTo>
                  <a:pt x="873" y="229"/>
                  <a:pt x="873" y="229"/>
                  <a:pt x="873" y="229"/>
                </a:cubicBezTo>
                <a:cubicBezTo>
                  <a:pt x="873" y="229"/>
                  <a:pt x="873" y="229"/>
                  <a:pt x="873" y="229"/>
                </a:cubicBezTo>
                <a:cubicBezTo>
                  <a:pt x="867" y="229"/>
                  <a:pt x="860" y="229"/>
                  <a:pt x="860" y="229"/>
                </a:cubicBezTo>
                <a:cubicBezTo>
                  <a:pt x="854" y="229"/>
                  <a:pt x="841" y="235"/>
                  <a:pt x="835" y="235"/>
                </a:cubicBezTo>
                <a:cubicBezTo>
                  <a:pt x="841" y="235"/>
                  <a:pt x="848" y="235"/>
                  <a:pt x="854" y="229"/>
                </a:cubicBezTo>
                <a:cubicBezTo>
                  <a:pt x="854" y="229"/>
                  <a:pt x="848" y="235"/>
                  <a:pt x="835" y="235"/>
                </a:cubicBezTo>
                <a:cubicBezTo>
                  <a:pt x="829" y="235"/>
                  <a:pt x="829" y="235"/>
                  <a:pt x="829" y="235"/>
                </a:cubicBezTo>
                <a:cubicBezTo>
                  <a:pt x="829" y="235"/>
                  <a:pt x="829" y="235"/>
                  <a:pt x="829" y="235"/>
                </a:cubicBezTo>
                <a:cubicBezTo>
                  <a:pt x="835" y="235"/>
                  <a:pt x="835" y="235"/>
                  <a:pt x="835" y="235"/>
                </a:cubicBezTo>
                <a:cubicBezTo>
                  <a:pt x="829" y="235"/>
                  <a:pt x="829" y="235"/>
                  <a:pt x="829" y="235"/>
                </a:cubicBezTo>
                <a:cubicBezTo>
                  <a:pt x="829" y="235"/>
                  <a:pt x="829" y="235"/>
                  <a:pt x="829" y="235"/>
                </a:cubicBezTo>
                <a:cubicBezTo>
                  <a:pt x="829" y="235"/>
                  <a:pt x="829" y="235"/>
                  <a:pt x="810" y="242"/>
                </a:cubicBezTo>
                <a:cubicBezTo>
                  <a:pt x="797" y="242"/>
                  <a:pt x="791" y="242"/>
                  <a:pt x="779" y="242"/>
                </a:cubicBezTo>
                <a:cubicBezTo>
                  <a:pt x="791" y="242"/>
                  <a:pt x="791" y="242"/>
                  <a:pt x="797" y="242"/>
                </a:cubicBezTo>
                <a:cubicBezTo>
                  <a:pt x="797" y="242"/>
                  <a:pt x="797" y="242"/>
                  <a:pt x="791" y="242"/>
                </a:cubicBezTo>
                <a:cubicBezTo>
                  <a:pt x="791" y="242"/>
                  <a:pt x="791" y="242"/>
                  <a:pt x="772" y="248"/>
                </a:cubicBezTo>
                <a:cubicBezTo>
                  <a:pt x="772" y="248"/>
                  <a:pt x="772" y="248"/>
                  <a:pt x="760" y="248"/>
                </a:cubicBezTo>
                <a:cubicBezTo>
                  <a:pt x="735" y="254"/>
                  <a:pt x="710" y="261"/>
                  <a:pt x="685" y="267"/>
                </a:cubicBezTo>
                <a:cubicBezTo>
                  <a:pt x="641" y="280"/>
                  <a:pt x="622" y="286"/>
                  <a:pt x="609" y="292"/>
                </a:cubicBezTo>
                <a:cubicBezTo>
                  <a:pt x="622" y="286"/>
                  <a:pt x="615" y="286"/>
                  <a:pt x="647" y="280"/>
                </a:cubicBezTo>
                <a:cubicBezTo>
                  <a:pt x="641" y="280"/>
                  <a:pt x="634" y="280"/>
                  <a:pt x="628" y="280"/>
                </a:cubicBezTo>
                <a:cubicBezTo>
                  <a:pt x="647" y="280"/>
                  <a:pt x="659" y="273"/>
                  <a:pt x="672" y="267"/>
                </a:cubicBezTo>
                <a:cubicBezTo>
                  <a:pt x="672" y="267"/>
                  <a:pt x="672" y="267"/>
                  <a:pt x="672" y="267"/>
                </a:cubicBezTo>
                <a:cubicBezTo>
                  <a:pt x="659" y="273"/>
                  <a:pt x="647" y="273"/>
                  <a:pt x="634" y="280"/>
                </a:cubicBezTo>
                <a:cubicBezTo>
                  <a:pt x="634" y="280"/>
                  <a:pt x="634" y="280"/>
                  <a:pt x="634" y="280"/>
                </a:cubicBezTo>
                <a:cubicBezTo>
                  <a:pt x="641" y="273"/>
                  <a:pt x="653" y="273"/>
                  <a:pt x="659" y="267"/>
                </a:cubicBezTo>
                <a:cubicBezTo>
                  <a:pt x="666" y="267"/>
                  <a:pt x="666" y="267"/>
                  <a:pt x="666" y="267"/>
                </a:cubicBezTo>
                <a:cubicBezTo>
                  <a:pt x="697" y="261"/>
                  <a:pt x="722" y="254"/>
                  <a:pt x="747" y="248"/>
                </a:cubicBezTo>
                <a:cubicBezTo>
                  <a:pt x="741" y="248"/>
                  <a:pt x="728" y="254"/>
                  <a:pt x="697" y="261"/>
                </a:cubicBezTo>
                <a:cubicBezTo>
                  <a:pt x="697" y="261"/>
                  <a:pt x="697" y="261"/>
                  <a:pt x="697" y="261"/>
                </a:cubicBezTo>
                <a:cubicBezTo>
                  <a:pt x="722" y="254"/>
                  <a:pt x="747" y="248"/>
                  <a:pt x="760" y="242"/>
                </a:cubicBezTo>
                <a:cubicBezTo>
                  <a:pt x="791" y="242"/>
                  <a:pt x="779" y="242"/>
                  <a:pt x="779" y="242"/>
                </a:cubicBezTo>
                <a:cubicBezTo>
                  <a:pt x="791" y="235"/>
                  <a:pt x="797" y="235"/>
                  <a:pt x="804" y="235"/>
                </a:cubicBezTo>
                <a:cubicBezTo>
                  <a:pt x="810" y="235"/>
                  <a:pt x="810" y="235"/>
                  <a:pt x="810" y="235"/>
                </a:cubicBezTo>
                <a:cubicBezTo>
                  <a:pt x="797" y="235"/>
                  <a:pt x="797" y="235"/>
                  <a:pt x="791" y="242"/>
                </a:cubicBezTo>
                <a:cubicBezTo>
                  <a:pt x="804" y="235"/>
                  <a:pt x="804" y="235"/>
                  <a:pt x="810" y="235"/>
                </a:cubicBezTo>
                <a:cubicBezTo>
                  <a:pt x="816" y="235"/>
                  <a:pt x="816" y="235"/>
                  <a:pt x="816" y="235"/>
                </a:cubicBezTo>
                <a:cubicBezTo>
                  <a:pt x="841" y="229"/>
                  <a:pt x="841" y="229"/>
                  <a:pt x="841" y="229"/>
                </a:cubicBezTo>
                <a:cubicBezTo>
                  <a:pt x="835" y="229"/>
                  <a:pt x="835" y="229"/>
                  <a:pt x="835" y="229"/>
                </a:cubicBezTo>
                <a:cubicBezTo>
                  <a:pt x="854" y="223"/>
                  <a:pt x="860" y="223"/>
                  <a:pt x="923" y="216"/>
                </a:cubicBezTo>
                <a:cubicBezTo>
                  <a:pt x="923" y="216"/>
                  <a:pt x="923" y="216"/>
                  <a:pt x="929" y="216"/>
                </a:cubicBezTo>
                <a:cubicBezTo>
                  <a:pt x="910" y="216"/>
                  <a:pt x="892" y="216"/>
                  <a:pt x="904" y="216"/>
                </a:cubicBezTo>
                <a:cubicBezTo>
                  <a:pt x="904" y="216"/>
                  <a:pt x="904" y="216"/>
                  <a:pt x="892" y="216"/>
                </a:cubicBezTo>
                <a:cubicBezTo>
                  <a:pt x="910" y="216"/>
                  <a:pt x="917" y="216"/>
                  <a:pt x="923" y="216"/>
                </a:cubicBezTo>
                <a:cubicBezTo>
                  <a:pt x="923" y="216"/>
                  <a:pt x="923" y="216"/>
                  <a:pt x="923" y="216"/>
                </a:cubicBezTo>
                <a:cubicBezTo>
                  <a:pt x="910" y="216"/>
                  <a:pt x="892" y="216"/>
                  <a:pt x="879" y="223"/>
                </a:cubicBezTo>
                <a:cubicBezTo>
                  <a:pt x="848" y="223"/>
                  <a:pt x="810" y="235"/>
                  <a:pt x="772" y="242"/>
                </a:cubicBezTo>
                <a:cubicBezTo>
                  <a:pt x="772" y="235"/>
                  <a:pt x="779" y="235"/>
                  <a:pt x="779" y="235"/>
                </a:cubicBezTo>
                <a:cubicBezTo>
                  <a:pt x="772" y="242"/>
                  <a:pt x="766" y="242"/>
                  <a:pt x="760" y="242"/>
                </a:cubicBezTo>
                <a:cubicBezTo>
                  <a:pt x="754" y="242"/>
                  <a:pt x="747" y="248"/>
                  <a:pt x="741" y="248"/>
                </a:cubicBezTo>
                <a:cubicBezTo>
                  <a:pt x="716" y="254"/>
                  <a:pt x="716" y="254"/>
                  <a:pt x="703" y="254"/>
                </a:cubicBezTo>
                <a:cubicBezTo>
                  <a:pt x="710" y="254"/>
                  <a:pt x="710" y="254"/>
                  <a:pt x="716" y="254"/>
                </a:cubicBezTo>
                <a:cubicBezTo>
                  <a:pt x="710" y="254"/>
                  <a:pt x="697" y="261"/>
                  <a:pt x="691" y="261"/>
                </a:cubicBezTo>
                <a:cubicBezTo>
                  <a:pt x="691" y="261"/>
                  <a:pt x="691" y="261"/>
                  <a:pt x="691" y="261"/>
                </a:cubicBezTo>
                <a:cubicBezTo>
                  <a:pt x="691" y="261"/>
                  <a:pt x="691" y="261"/>
                  <a:pt x="691" y="261"/>
                </a:cubicBezTo>
                <a:cubicBezTo>
                  <a:pt x="691" y="261"/>
                  <a:pt x="691" y="261"/>
                  <a:pt x="691" y="261"/>
                </a:cubicBezTo>
                <a:cubicBezTo>
                  <a:pt x="685" y="261"/>
                  <a:pt x="672" y="261"/>
                  <a:pt x="666" y="267"/>
                </a:cubicBezTo>
                <a:cubicBezTo>
                  <a:pt x="666" y="267"/>
                  <a:pt x="666" y="267"/>
                  <a:pt x="659" y="267"/>
                </a:cubicBezTo>
                <a:cubicBezTo>
                  <a:pt x="659" y="267"/>
                  <a:pt x="659" y="267"/>
                  <a:pt x="653" y="267"/>
                </a:cubicBezTo>
                <a:cubicBezTo>
                  <a:pt x="634" y="273"/>
                  <a:pt x="609" y="286"/>
                  <a:pt x="584" y="292"/>
                </a:cubicBezTo>
                <a:cubicBezTo>
                  <a:pt x="578" y="292"/>
                  <a:pt x="578" y="292"/>
                  <a:pt x="578" y="292"/>
                </a:cubicBezTo>
                <a:cubicBezTo>
                  <a:pt x="572" y="299"/>
                  <a:pt x="572" y="299"/>
                  <a:pt x="572" y="299"/>
                </a:cubicBezTo>
                <a:cubicBezTo>
                  <a:pt x="540" y="305"/>
                  <a:pt x="515" y="324"/>
                  <a:pt x="490" y="331"/>
                </a:cubicBezTo>
                <a:cubicBezTo>
                  <a:pt x="440" y="350"/>
                  <a:pt x="402" y="375"/>
                  <a:pt x="364" y="394"/>
                </a:cubicBezTo>
                <a:cubicBezTo>
                  <a:pt x="364" y="394"/>
                  <a:pt x="364" y="394"/>
                  <a:pt x="364" y="394"/>
                </a:cubicBezTo>
                <a:cubicBezTo>
                  <a:pt x="358" y="394"/>
                  <a:pt x="358" y="400"/>
                  <a:pt x="352" y="400"/>
                </a:cubicBezTo>
                <a:cubicBezTo>
                  <a:pt x="346" y="407"/>
                  <a:pt x="352" y="400"/>
                  <a:pt x="346" y="407"/>
                </a:cubicBezTo>
                <a:cubicBezTo>
                  <a:pt x="352" y="400"/>
                  <a:pt x="352" y="400"/>
                  <a:pt x="352" y="400"/>
                </a:cubicBezTo>
                <a:cubicBezTo>
                  <a:pt x="314" y="426"/>
                  <a:pt x="289" y="438"/>
                  <a:pt x="270" y="458"/>
                </a:cubicBezTo>
                <a:cubicBezTo>
                  <a:pt x="264" y="458"/>
                  <a:pt x="264" y="458"/>
                  <a:pt x="264" y="458"/>
                </a:cubicBezTo>
                <a:cubicBezTo>
                  <a:pt x="283" y="445"/>
                  <a:pt x="289" y="445"/>
                  <a:pt x="321" y="419"/>
                </a:cubicBezTo>
                <a:cubicBezTo>
                  <a:pt x="314" y="426"/>
                  <a:pt x="314" y="426"/>
                  <a:pt x="308" y="426"/>
                </a:cubicBezTo>
                <a:cubicBezTo>
                  <a:pt x="314" y="426"/>
                  <a:pt x="314" y="426"/>
                  <a:pt x="321" y="419"/>
                </a:cubicBezTo>
                <a:cubicBezTo>
                  <a:pt x="321" y="419"/>
                  <a:pt x="327" y="419"/>
                  <a:pt x="327" y="407"/>
                </a:cubicBezTo>
                <a:cubicBezTo>
                  <a:pt x="346" y="407"/>
                  <a:pt x="352" y="400"/>
                  <a:pt x="364" y="394"/>
                </a:cubicBezTo>
                <a:cubicBezTo>
                  <a:pt x="364" y="394"/>
                  <a:pt x="364" y="394"/>
                  <a:pt x="364" y="388"/>
                </a:cubicBezTo>
                <a:cubicBezTo>
                  <a:pt x="383" y="381"/>
                  <a:pt x="396" y="375"/>
                  <a:pt x="408" y="369"/>
                </a:cubicBezTo>
                <a:cubicBezTo>
                  <a:pt x="415" y="369"/>
                  <a:pt x="415" y="362"/>
                  <a:pt x="415" y="362"/>
                </a:cubicBezTo>
                <a:cubicBezTo>
                  <a:pt x="440" y="350"/>
                  <a:pt x="471" y="343"/>
                  <a:pt x="490" y="331"/>
                </a:cubicBezTo>
                <a:cubicBezTo>
                  <a:pt x="496" y="324"/>
                  <a:pt x="496" y="324"/>
                  <a:pt x="496" y="324"/>
                </a:cubicBezTo>
                <a:cubicBezTo>
                  <a:pt x="503" y="324"/>
                  <a:pt x="503" y="324"/>
                  <a:pt x="503" y="324"/>
                </a:cubicBezTo>
                <a:cubicBezTo>
                  <a:pt x="509" y="324"/>
                  <a:pt x="509" y="324"/>
                  <a:pt x="509" y="324"/>
                </a:cubicBezTo>
                <a:cubicBezTo>
                  <a:pt x="509" y="324"/>
                  <a:pt x="509" y="324"/>
                  <a:pt x="503" y="324"/>
                </a:cubicBezTo>
                <a:cubicBezTo>
                  <a:pt x="509" y="324"/>
                  <a:pt x="509" y="324"/>
                  <a:pt x="515" y="318"/>
                </a:cubicBezTo>
                <a:cubicBezTo>
                  <a:pt x="515" y="324"/>
                  <a:pt x="515" y="324"/>
                  <a:pt x="509" y="324"/>
                </a:cubicBezTo>
                <a:cubicBezTo>
                  <a:pt x="515" y="318"/>
                  <a:pt x="515" y="318"/>
                  <a:pt x="521" y="318"/>
                </a:cubicBezTo>
                <a:cubicBezTo>
                  <a:pt x="528" y="318"/>
                  <a:pt x="534" y="305"/>
                  <a:pt x="540" y="305"/>
                </a:cubicBezTo>
                <a:cubicBezTo>
                  <a:pt x="572" y="292"/>
                  <a:pt x="578" y="292"/>
                  <a:pt x="584" y="292"/>
                </a:cubicBezTo>
                <a:cubicBezTo>
                  <a:pt x="584" y="292"/>
                  <a:pt x="584" y="292"/>
                  <a:pt x="597" y="286"/>
                </a:cubicBezTo>
                <a:cubicBezTo>
                  <a:pt x="609" y="280"/>
                  <a:pt x="609" y="280"/>
                  <a:pt x="628" y="273"/>
                </a:cubicBezTo>
                <a:cubicBezTo>
                  <a:pt x="666" y="261"/>
                  <a:pt x="722" y="248"/>
                  <a:pt x="747" y="242"/>
                </a:cubicBezTo>
                <a:cubicBezTo>
                  <a:pt x="816" y="229"/>
                  <a:pt x="766" y="235"/>
                  <a:pt x="860" y="223"/>
                </a:cubicBezTo>
                <a:cubicBezTo>
                  <a:pt x="848" y="223"/>
                  <a:pt x="835" y="229"/>
                  <a:pt x="816" y="229"/>
                </a:cubicBezTo>
                <a:cubicBezTo>
                  <a:pt x="816" y="229"/>
                  <a:pt x="816" y="229"/>
                  <a:pt x="816" y="229"/>
                </a:cubicBezTo>
                <a:cubicBezTo>
                  <a:pt x="816" y="229"/>
                  <a:pt x="816" y="229"/>
                  <a:pt x="810" y="229"/>
                </a:cubicBezTo>
                <a:cubicBezTo>
                  <a:pt x="810" y="229"/>
                  <a:pt x="804" y="229"/>
                  <a:pt x="797" y="229"/>
                </a:cubicBezTo>
                <a:cubicBezTo>
                  <a:pt x="804" y="229"/>
                  <a:pt x="810" y="229"/>
                  <a:pt x="816" y="223"/>
                </a:cubicBezTo>
                <a:cubicBezTo>
                  <a:pt x="816" y="229"/>
                  <a:pt x="816" y="229"/>
                  <a:pt x="816" y="229"/>
                </a:cubicBezTo>
                <a:cubicBezTo>
                  <a:pt x="823" y="223"/>
                  <a:pt x="823" y="223"/>
                  <a:pt x="823" y="223"/>
                </a:cubicBezTo>
                <a:cubicBezTo>
                  <a:pt x="841" y="223"/>
                  <a:pt x="873" y="216"/>
                  <a:pt x="904" y="204"/>
                </a:cubicBezTo>
                <a:cubicBezTo>
                  <a:pt x="879" y="216"/>
                  <a:pt x="860" y="216"/>
                  <a:pt x="841" y="223"/>
                </a:cubicBezTo>
                <a:cubicBezTo>
                  <a:pt x="848" y="216"/>
                  <a:pt x="848" y="216"/>
                  <a:pt x="848" y="216"/>
                </a:cubicBezTo>
                <a:cubicBezTo>
                  <a:pt x="848" y="216"/>
                  <a:pt x="848" y="216"/>
                  <a:pt x="841" y="223"/>
                </a:cubicBezTo>
                <a:cubicBezTo>
                  <a:pt x="835" y="223"/>
                  <a:pt x="835" y="223"/>
                  <a:pt x="835" y="223"/>
                </a:cubicBezTo>
                <a:cubicBezTo>
                  <a:pt x="835" y="223"/>
                  <a:pt x="835" y="223"/>
                  <a:pt x="835" y="223"/>
                </a:cubicBezTo>
                <a:cubicBezTo>
                  <a:pt x="835" y="223"/>
                  <a:pt x="835" y="223"/>
                  <a:pt x="835" y="223"/>
                </a:cubicBezTo>
                <a:cubicBezTo>
                  <a:pt x="816" y="223"/>
                  <a:pt x="804" y="229"/>
                  <a:pt x="791" y="229"/>
                </a:cubicBezTo>
                <a:cubicBezTo>
                  <a:pt x="791" y="229"/>
                  <a:pt x="791" y="229"/>
                  <a:pt x="791" y="229"/>
                </a:cubicBezTo>
                <a:cubicBezTo>
                  <a:pt x="779" y="229"/>
                  <a:pt x="779" y="229"/>
                  <a:pt x="779" y="229"/>
                </a:cubicBezTo>
                <a:cubicBezTo>
                  <a:pt x="772" y="235"/>
                  <a:pt x="772" y="235"/>
                  <a:pt x="766" y="235"/>
                </a:cubicBezTo>
                <a:cubicBezTo>
                  <a:pt x="779" y="229"/>
                  <a:pt x="797" y="229"/>
                  <a:pt x="829" y="223"/>
                </a:cubicBezTo>
                <a:cubicBezTo>
                  <a:pt x="823" y="223"/>
                  <a:pt x="835" y="216"/>
                  <a:pt x="804" y="229"/>
                </a:cubicBezTo>
                <a:cubicBezTo>
                  <a:pt x="760" y="235"/>
                  <a:pt x="747" y="235"/>
                  <a:pt x="747" y="235"/>
                </a:cubicBezTo>
                <a:cubicBezTo>
                  <a:pt x="716" y="242"/>
                  <a:pt x="728" y="242"/>
                  <a:pt x="728" y="242"/>
                </a:cubicBezTo>
                <a:cubicBezTo>
                  <a:pt x="716" y="242"/>
                  <a:pt x="622" y="273"/>
                  <a:pt x="597" y="280"/>
                </a:cubicBezTo>
                <a:cubicBezTo>
                  <a:pt x="546" y="299"/>
                  <a:pt x="528" y="305"/>
                  <a:pt x="553" y="299"/>
                </a:cubicBezTo>
                <a:cubicBezTo>
                  <a:pt x="553" y="299"/>
                  <a:pt x="553" y="299"/>
                  <a:pt x="521" y="305"/>
                </a:cubicBezTo>
                <a:cubicBezTo>
                  <a:pt x="509" y="318"/>
                  <a:pt x="503" y="324"/>
                  <a:pt x="496" y="324"/>
                </a:cubicBezTo>
                <a:cubicBezTo>
                  <a:pt x="496" y="324"/>
                  <a:pt x="496" y="324"/>
                  <a:pt x="496" y="324"/>
                </a:cubicBezTo>
                <a:cubicBezTo>
                  <a:pt x="484" y="331"/>
                  <a:pt x="484" y="331"/>
                  <a:pt x="484" y="331"/>
                </a:cubicBezTo>
                <a:cubicBezTo>
                  <a:pt x="465" y="337"/>
                  <a:pt x="433" y="350"/>
                  <a:pt x="352" y="388"/>
                </a:cubicBezTo>
                <a:cubicBezTo>
                  <a:pt x="352" y="388"/>
                  <a:pt x="352" y="388"/>
                  <a:pt x="364" y="381"/>
                </a:cubicBezTo>
                <a:cubicBezTo>
                  <a:pt x="396" y="369"/>
                  <a:pt x="446" y="343"/>
                  <a:pt x="490" y="324"/>
                </a:cubicBezTo>
                <a:cubicBezTo>
                  <a:pt x="509" y="318"/>
                  <a:pt x="521" y="305"/>
                  <a:pt x="534" y="299"/>
                </a:cubicBezTo>
                <a:cubicBezTo>
                  <a:pt x="477" y="324"/>
                  <a:pt x="433" y="343"/>
                  <a:pt x="421" y="350"/>
                </a:cubicBezTo>
                <a:cubicBezTo>
                  <a:pt x="415" y="356"/>
                  <a:pt x="415" y="356"/>
                  <a:pt x="415" y="356"/>
                </a:cubicBezTo>
                <a:cubicBezTo>
                  <a:pt x="408" y="362"/>
                  <a:pt x="402" y="362"/>
                  <a:pt x="396" y="369"/>
                </a:cubicBezTo>
                <a:cubicBezTo>
                  <a:pt x="390" y="369"/>
                  <a:pt x="383" y="369"/>
                  <a:pt x="371" y="375"/>
                </a:cubicBezTo>
                <a:cubicBezTo>
                  <a:pt x="371" y="375"/>
                  <a:pt x="371" y="375"/>
                  <a:pt x="352" y="388"/>
                </a:cubicBezTo>
                <a:cubicBezTo>
                  <a:pt x="346" y="394"/>
                  <a:pt x="352" y="388"/>
                  <a:pt x="333" y="394"/>
                </a:cubicBezTo>
                <a:cubicBezTo>
                  <a:pt x="321" y="407"/>
                  <a:pt x="327" y="400"/>
                  <a:pt x="346" y="394"/>
                </a:cubicBezTo>
                <a:cubicBezTo>
                  <a:pt x="314" y="407"/>
                  <a:pt x="321" y="407"/>
                  <a:pt x="295" y="426"/>
                </a:cubicBezTo>
                <a:cubicBezTo>
                  <a:pt x="295" y="426"/>
                  <a:pt x="295" y="426"/>
                  <a:pt x="289" y="432"/>
                </a:cubicBezTo>
                <a:cubicBezTo>
                  <a:pt x="289" y="426"/>
                  <a:pt x="295" y="426"/>
                  <a:pt x="295" y="426"/>
                </a:cubicBezTo>
                <a:cubicBezTo>
                  <a:pt x="289" y="426"/>
                  <a:pt x="289" y="432"/>
                  <a:pt x="283" y="438"/>
                </a:cubicBezTo>
                <a:cubicBezTo>
                  <a:pt x="277" y="438"/>
                  <a:pt x="289" y="432"/>
                  <a:pt x="277" y="438"/>
                </a:cubicBezTo>
                <a:cubicBezTo>
                  <a:pt x="277" y="438"/>
                  <a:pt x="277" y="438"/>
                  <a:pt x="270" y="445"/>
                </a:cubicBezTo>
                <a:cubicBezTo>
                  <a:pt x="258" y="451"/>
                  <a:pt x="270" y="445"/>
                  <a:pt x="258" y="451"/>
                </a:cubicBezTo>
                <a:cubicBezTo>
                  <a:pt x="258" y="451"/>
                  <a:pt x="258" y="451"/>
                  <a:pt x="258" y="451"/>
                </a:cubicBezTo>
                <a:cubicBezTo>
                  <a:pt x="258" y="451"/>
                  <a:pt x="258" y="451"/>
                  <a:pt x="258" y="451"/>
                </a:cubicBezTo>
                <a:cubicBezTo>
                  <a:pt x="258" y="451"/>
                  <a:pt x="258" y="451"/>
                  <a:pt x="245" y="464"/>
                </a:cubicBezTo>
                <a:cubicBezTo>
                  <a:pt x="245" y="464"/>
                  <a:pt x="245" y="464"/>
                  <a:pt x="245" y="464"/>
                </a:cubicBezTo>
                <a:cubicBezTo>
                  <a:pt x="245" y="464"/>
                  <a:pt x="245" y="464"/>
                  <a:pt x="245" y="464"/>
                </a:cubicBezTo>
                <a:cubicBezTo>
                  <a:pt x="239" y="464"/>
                  <a:pt x="239" y="464"/>
                  <a:pt x="239" y="464"/>
                </a:cubicBezTo>
                <a:cubicBezTo>
                  <a:pt x="245" y="464"/>
                  <a:pt x="245" y="464"/>
                  <a:pt x="245" y="458"/>
                </a:cubicBezTo>
                <a:cubicBezTo>
                  <a:pt x="226" y="470"/>
                  <a:pt x="226" y="470"/>
                  <a:pt x="226" y="470"/>
                </a:cubicBezTo>
                <a:cubicBezTo>
                  <a:pt x="226" y="470"/>
                  <a:pt x="226" y="470"/>
                  <a:pt x="226" y="477"/>
                </a:cubicBezTo>
                <a:cubicBezTo>
                  <a:pt x="226" y="477"/>
                  <a:pt x="226" y="477"/>
                  <a:pt x="258" y="451"/>
                </a:cubicBezTo>
                <a:cubicBezTo>
                  <a:pt x="239" y="464"/>
                  <a:pt x="208" y="483"/>
                  <a:pt x="189" y="502"/>
                </a:cubicBezTo>
                <a:cubicBezTo>
                  <a:pt x="182" y="508"/>
                  <a:pt x="182" y="508"/>
                  <a:pt x="182" y="508"/>
                </a:cubicBezTo>
                <a:cubicBezTo>
                  <a:pt x="170" y="515"/>
                  <a:pt x="170" y="515"/>
                  <a:pt x="164" y="527"/>
                </a:cubicBezTo>
                <a:cubicBezTo>
                  <a:pt x="164" y="527"/>
                  <a:pt x="164" y="527"/>
                  <a:pt x="170" y="527"/>
                </a:cubicBezTo>
                <a:cubicBezTo>
                  <a:pt x="151" y="546"/>
                  <a:pt x="132" y="565"/>
                  <a:pt x="120" y="578"/>
                </a:cubicBezTo>
                <a:cubicBezTo>
                  <a:pt x="120" y="578"/>
                  <a:pt x="107" y="578"/>
                  <a:pt x="107" y="584"/>
                </a:cubicBezTo>
                <a:cubicBezTo>
                  <a:pt x="101" y="591"/>
                  <a:pt x="101" y="591"/>
                  <a:pt x="101" y="591"/>
                </a:cubicBezTo>
                <a:cubicBezTo>
                  <a:pt x="95" y="597"/>
                  <a:pt x="95" y="597"/>
                  <a:pt x="95" y="597"/>
                </a:cubicBezTo>
                <a:cubicBezTo>
                  <a:pt x="107" y="584"/>
                  <a:pt x="126" y="572"/>
                  <a:pt x="120" y="572"/>
                </a:cubicBezTo>
                <a:cubicBezTo>
                  <a:pt x="126" y="565"/>
                  <a:pt x="132" y="559"/>
                  <a:pt x="132" y="559"/>
                </a:cubicBezTo>
                <a:cubicBezTo>
                  <a:pt x="126" y="565"/>
                  <a:pt x="120" y="572"/>
                  <a:pt x="101" y="591"/>
                </a:cubicBezTo>
                <a:cubicBezTo>
                  <a:pt x="101" y="591"/>
                  <a:pt x="101" y="591"/>
                  <a:pt x="107" y="578"/>
                </a:cubicBezTo>
                <a:cubicBezTo>
                  <a:pt x="101" y="591"/>
                  <a:pt x="95" y="597"/>
                  <a:pt x="88" y="604"/>
                </a:cubicBezTo>
                <a:cubicBezTo>
                  <a:pt x="95" y="597"/>
                  <a:pt x="95" y="597"/>
                  <a:pt x="95" y="597"/>
                </a:cubicBezTo>
                <a:cubicBezTo>
                  <a:pt x="82" y="610"/>
                  <a:pt x="70" y="635"/>
                  <a:pt x="63" y="648"/>
                </a:cubicBezTo>
                <a:cubicBezTo>
                  <a:pt x="63" y="648"/>
                  <a:pt x="57" y="654"/>
                  <a:pt x="57" y="661"/>
                </a:cubicBezTo>
                <a:cubicBezTo>
                  <a:pt x="51" y="661"/>
                  <a:pt x="51" y="661"/>
                  <a:pt x="51" y="661"/>
                </a:cubicBezTo>
                <a:cubicBezTo>
                  <a:pt x="51" y="661"/>
                  <a:pt x="51" y="661"/>
                  <a:pt x="51" y="661"/>
                </a:cubicBezTo>
                <a:cubicBezTo>
                  <a:pt x="51" y="667"/>
                  <a:pt x="51" y="667"/>
                  <a:pt x="51" y="667"/>
                </a:cubicBezTo>
                <a:cubicBezTo>
                  <a:pt x="51" y="667"/>
                  <a:pt x="51" y="667"/>
                  <a:pt x="51" y="661"/>
                </a:cubicBezTo>
                <a:cubicBezTo>
                  <a:pt x="51" y="673"/>
                  <a:pt x="44" y="680"/>
                  <a:pt x="38" y="699"/>
                </a:cubicBezTo>
                <a:cubicBezTo>
                  <a:pt x="44" y="686"/>
                  <a:pt x="44" y="686"/>
                  <a:pt x="44" y="680"/>
                </a:cubicBezTo>
                <a:cubicBezTo>
                  <a:pt x="44" y="686"/>
                  <a:pt x="38" y="692"/>
                  <a:pt x="38" y="699"/>
                </a:cubicBezTo>
                <a:cubicBezTo>
                  <a:pt x="38" y="699"/>
                  <a:pt x="38" y="699"/>
                  <a:pt x="38" y="699"/>
                </a:cubicBezTo>
                <a:cubicBezTo>
                  <a:pt x="32" y="705"/>
                  <a:pt x="32" y="718"/>
                  <a:pt x="32" y="718"/>
                </a:cubicBezTo>
                <a:cubicBezTo>
                  <a:pt x="26" y="730"/>
                  <a:pt x="26" y="730"/>
                  <a:pt x="26" y="730"/>
                </a:cubicBezTo>
                <a:cubicBezTo>
                  <a:pt x="19" y="743"/>
                  <a:pt x="26" y="730"/>
                  <a:pt x="19" y="743"/>
                </a:cubicBezTo>
                <a:cubicBezTo>
                  <a:pt x="19" y="743"/>
                  <a:pt x="19" y="743"/>
                  <a:pt x="19" y="750"/>
                </a:cubicBezTo>
                <a:cubicBezTo>
                  <a:pt x="19" y="750"/>
                  <a:pt x="19" y="750"/>
                  <a:pt x="13" y="769"/>
                </a:cubicBezTo>
                <a:cubicBezTo>
                  <a:pt x="13" y="775"/>
                  <a:pt x="13" y="781"/>
                  <a:pt x="13" y="794"/>
                </a:cubicBezTo>
                <a:cubicBezTo>
                  <a:pt x="13" y="800"/>
                  <a:pt x="13" y="800"/>
                  <a:pt x="13" y="800"/>
                </a:cubicBezTo>
                <a:cubicBezTo>
                  <a:pt x="13" y="800"/>
                  <a:pt x="13" y="800"/>
                  <a:pt x="13" y="800"/>
                </a:cubicBezTo>
                <a:cubicBezTo>
                  <a:pt x="13" y="800"/>
                  <a:pt x="13" y="800"/>
                  <a:pt x="13" y="800"/>
                </a:cubicBezTo>
                <a:cubicBezTo>
                  <a:pt x="13" y="813"/>
                  <a:pt x="13" y="832"/>
                  <a:pt x="13" y="845"/>
                </a:cubicBezTo>
                <a:cubicBezTo>
                  <a:pt x="13" y="864"/>
                  <a:pt x="13" y="857"/>
                  <a:pt x="13" y="857"/>
                </a:cubicBezTo>
                <a:cubicBezTo>
                  <a:pt x="13" y="876"/>
                  <a:pt x="19" y="896"/>
                  <a:pt x="26" y="908"/>
                </a:cubicBezTo>
                <a:cubicBezTo>
                  <a:pt x="32" y="927"/>
                  <a:pt x="32" y="927"/>
                  <a:pt x="44" y="953"/>
                </a:cubicBezTo>
                <a:cubicBezTo>
                  <a:pt x="57" y="972"/>
                  <a:pt x="70" y="984"/>
                  <a:pt x="82" y="1003"/>
                </a:cubicBezTo>
                <a:cubicBezTo>
                  <a:pt x="82" y="1003"/>
                  <a:pt x="82" y="997"/>
                  <a:pt x="76" y="997"/>
                </a:cubicBezTo>
                <a:cubicBezTo>
                  <a:pt x="82" y="1003"/>
                  <a:pt x="82" y="1003"/>
                  <a:pt x="88" y="1016"/>
                </a:cubicBezTo>
                <a:cubicBezTo>
                  <a:pt x="88" y="1016"/>
                  <a:pt x="88" y="1016"/>
                  <a:pt x="88" y="1016"/>
                </a:cubicBezTo>
                <a:cubicBezTo>
                  <a:pt x="88" y="1016"/>
                  <a:pt x="88" y="1016"/>
                  <a:pt x="88" y="1016"/>
                </a:cubicBezTo>
                <a:cubicBezTo>
                  <a:pt x="95" y="1022"/>
                  <a:pt x="95" y="1022"/>
                  <a:pt x="95" y="1022"/>
                </a:cubicBezTo>
                <a:cubicBezTo>
                  <a:pt x="101" y="1022"/>
                  <a:pt x="101" y="1029"/>
                  <a:pt x="107" y="1029"/>
                </a:cubicBezTo>
                <a:cubicBezTo>
                  <a:pt x="101" y="1029"/>
                  <a:pt x="101" y="1022"/>
                  <a:pt x="95" y="1022"/>
                </a:cubicBezTo>
                <a:cubicBezTo>
                  <a:pt x="101" y="1022"/>
                  <a:pt x="107" y="1029"/>
                  <a:pt x="107" y="1035"/>
                </a:cubicBezTo>
                <a:cubicBezTo>
                  <a:pt x="101" y="1029"/>
                  <a:pt x="88" y="1016"/>
                  <a:pt x="82" y="1003"/>
                </a:cubicBezTo>
                <a:cubicBezTo>
                  <a:pt x="88" y="1016"/>
                  <a:pt x="95" y="1016"/>
                  <a:pt x="101" y="1022"/>
                </a:cubicBezTo>
                <a:cubicBezTo>
                  <a:pt x="164" y="1067"/>
                  <a:pt x="239" y="1099"/>
                  <a:pt x="302" y="1111"/>
                </a:cubicBezTo>
                <a:cubicBezTo>
                  <a:pt x="333" y="1130"/>
                  <a:pt x="377" y="1143"/>
                  <a:pt x="415" y="1149"/>
                </a:cubicBezTo>
                <a:cubicBezTo>
                  <a:pt x="408" y="1149"/>
                  <a:pt x="402" y="1149"/>
                  <a:pt x="396" y="1143"/>
                </a:cubicBezTo>
                <a:cubicBezTo>
                  <a:pt x="383" y="1143"/>
                  <a:pt x="396" y="1143"/>
                  <a:pt x="371" y="1137"/>
                </a:cubicBezTo>
                <a:cubicBezTo>
                  <a:pt x="371" y="1137"/>
                  <a:pt x="371" y="1137"/>
                  <a:pt x="383" y="1143"/>
                </a:cubicBezTo>
                <a:cubicBezTo>
                  <a:pt x="408" y="1149"/>
                  <a:pt x="402" y="1143"/>
                  <a:pt x="433" y="1149"/>
                </a:cubicBezTo>
                <a:cubicBezTo>
                  <a:pt x="433" y="1149"/>
                  <a:pt x="433" y="1149"/>
                  <a:pt x="433" y="1149"/>
                </a:cubicBezTo>
                <a:cubicBezTo>
                  <a:pt x="440" y="1149"/>
                  <a:pt x="440" y="1149"/>
                  <a:pt x="446" y="1156"/>
                </a:cubicBezTo>
                <a:cubicBezTo>
                  <a:pt x="465" y="1156"/>
                  <a:pt x="484" y="1156"/>
                  <a:pt x="496" y="1162"/>
                </a:cubicBezTo>
                <a:cubicBezTo>
                  <a:pt x="490" y="1162"/>
                  <a:pt x="490" y="1162"/>
                  <a:pt x="490" y="1162"/>
                </a:cubicBezTo>
                <a:cubicBezTo>
                  <a:pt x="496" y="1162"/>
                  <a:pt x="496" y="1162"/>
                  <a:pt x="496" y="1162"/>
                </a:cubicBezTo>
                <a:cubicBezTo>
                  <a:pt x="509" y="1162"/>
                  <a:pt x="521" y="1162"/>
                  <a:pt x="528" y="1162"/>
                </a:cubicBezTo>
                <a:cubicBezTo>
                  <a:pt x="528" y="1162"/>
                  <a:pt x="528" y="1162"/>
                  <a:pt x="565" y="1168"/>
                </a:cubicBezTo>
                <a:cubicBezTo>
                  <a:pt x="565" y="1168"/>
                  <a:pt x="565" y="1168"/>
                  <a:pt x="540" y="1162"/>
                </a:cubicBezTo>
                <a:cubicBezTo>
                  <a:pt x="540" y="1162"/>
                  <a:pt x="534" y="1162"/>
                  <a:pt x="528" y="1162"/>
                </a:cubicBezTo>
                <a:cubicBezTo>
                  <a:pt x="528" y="1162"/>
                  <a:pt x="528" y="1162"/>
                  <a:pt x="528" y="1162"/>
                </a:cubicBezTo>
                <a:cubicBezTo>
                  <a:pt x="528" y="1162"/>
                  <a:pt x="528" y="1162"/>
                  <a:pt x="528" y="1162"/>
                </a:cubicBezTo>
                <a:cubicBezTo>
                  <a:pt x="509" y="1162"/>
                  <a:pt x="490" y="1156"/>
                  <a:pt x="477" y="1156"/>
                </a:cubicBezTo>
                <a:cubicBezTo>
                  <a:pt x="503" y="1162"/>
                  <a:pt x="528" y="1162"/>
                  <a:pt x="565" y="1162"/>
                </a:cubicBezTo>
                <a:cubicBezTo>
                  <a:pt x="540" y="1162"/>
                  <a:pt x="534" y="1162"/>
                  <a:pt x="528" y="1162"/>
                </a:cubicBezTo>
                <a:cubicBezTo>
                  <a:pt x="546" y="1162"/>
                  <a:pt x="546" y="1162"/>
                  <a:pt x="546" y="1162"/>
                </a:cubicBezTo>
                <a:cubicBezTo>
                  <a:pt x="553" y="1162"/>
                  <a:pt x="553" y="1162"/>
                  <a:pt x="572" y="1162"/>
                </a:cubicBezTo>
                <a:cubicBezTo>
                  <a:pt x="641" y="1168"/>
                  <a:pt x="716" y="1168"/>
                  <a:pt x="791" y="1162"/>
                </a:cubicBezTo>
                <a:cubicBezTo>
                  <a:pt x="791" y="1162"/>
                  <a:pt x="791" y="1162"/>
                  <a:pt x="791" y="1162"/>
                </a:cubicBezTo>
                <a:cubicBezTo>
                  <a:pt x="797" y="1162"/>
                  <a:pt x="797" y="1162"/>
                  <a:pt x="804" y="1162"/>
                </a:cubicBezTo>
                <a:cubicBezTo>
                  <a:pt x="841" y="1156"/>
                  <a:pt x="879" y="1156"/>
                  <a:pt x="923" y="1149"/>
                </a:cubicBezTo>
                <a:cubicBezTo>
                  <a:pt x="923" y="1149"/>
                  <a:pt x="923" y="1149"/>
                  <a:pt x="923" y="1149"/>
                </a:cubicBezTo>
                <a:cubicBezTo>
                  <a:pt x="929" y="1149"/>
                  <a:pt x="929" y="1149"/>
                  <a:pt x="929" y="1149"/>
                </a:cubicBezTo>
                <a:cubicBezTo>
                  <a:pt x="942" y="1143"/>
                  <a:pt x="954" y="1143"/>
                  <a:pt x="961" y="1143"/>
                </a:cubicBezTo>
                <a:cubicBezTo>
                  <a:pt x="967" y="1143"/>
                  <a:pt x="967" y="1143"/>
                  <a:pt x="967" y="1143"/>
                </a:cubicBezTo>
                <a:cubicBezTo>
                  <a:pt x="967" y="1143"/>
                  <a:pt x="967" y="1143"/>
                  <a:pt x="967" y="1143"/>
                </a:cubicBezTo>
                <a:cubicBezTo>
                  <a:pt x="967" y="1143"/>
                  <a:pt x="973" y="1143"/>
                  <a:pt x="979" y="1137"/>
                </a:cubicBezTo>
                <a:cubicBezTo>
                  <a:pt x="973" y="1143"/>
                  <a:pt x="973" y="1143"/>
                  <a:pt x="967" y="1143"/>
                </a:cubicBezTo>
                <a:cubicBezTo>
                  <a:pt x="967" y="1143"/>
                  <a:pt x="967" y="1143"/>
                  <a:pt x="967" y="1143"/>
                </a:cubicBezTo>
                <a:cubicBezTo>
                  <a:pt x="973" y="1143"/>
                  <a:pt x="973" y="1137"/>
                  <a:pt x="979" y="1137"/>
                </a:cubicBezTo>
                <a:cubicBezTo>
                  <a:pt x="1023" y="1130"/>
                  <a:pt x="1061" y="1124"/>
                  <a:pt x="1092" y="1111"/>
                </a:cubicBezTo>
                <a:cubicBezTo>
                  <a:pt x="1092" y="1111"/>
                  <a:pt x="1092" y="1111"/>
                  <a:pt x="1130" y="1105"/>
                </a:cubicBezTo>
                <a:cubicBezTo>
                  <a:pt x="1136" y="1105"/>
                  <a:pt x="1143" y="1099"/>
                  <a:pt x="1149" y="1099"/>
                </a:cubicBezTo>
                <a:cubicBezTo>
                  <a:pt x="1155" y="1099"/>
                  <a:pt x="1161" y="1099"/>
                  <a:pt x="1168" y="1092"/>
                </a:cubicBezTo>
                <a:cubicBezTo>
                  <a:pt x="1168" y="1092"/>
                  <a:pt x="1168" y="1092"/>
                  <a:pt x="1168" y="1092"/>
                </a:cubicBezTo>
                <a:cubicBezTo>
                  <a:pt x="1174" y="1092"/>
                  <a:pt x="1174" y="1092"/>
                  <a:pt x="1180" y="1092"/>
                </a:cubicBezTo>
                <a:cubicBezTo>
                  <a:pt x="1187" y="1092"/>
                  <a:pt x="1193" y="1086"/>
                  <a:pt x="1199" y="1086"/>
                </a:cubicBezTo>
                <a:cubicBezTo>
                  <a:pt x="1199" y="1086"/>
                  <a:pt x="1205" y="1086"/>
                  <a:pt x="1212" y="1080"/>
                </a:cubicBezTo>
                <a:cubicBezTo>
                  <a:pt x="1212" y="1080"/>
                  <a:pt x="1212" y="1080"/>
                  <a:pt x="1212" y="1080"/>
                </a:cubicBezTo>
                <a:cubicBezTo>
                  <a:pt x="1212" y="1080"/>
                  <a:pt x="1212" y="1080"/>
                  <a:pt x="1218" y="1080"/>
                </a:cubicBezTo>
                <a:cubicBezTo>
                  <a:pt x="1224" y="1080"/>
                  <a:pt x="1224" y="1080"/>
                  <a:pt x="1237" y="1073"/>
                </a:cubicBezTo>
                <a:cubicBezTo>
                  <a:pt x="1243" y="1073"/>
                  <a:pt x="1249" y="1073"/>
                  <a:pt x="1249" y="1073"/>
                </a:cubicBezTo>
                <a:cubicBezTo>
                  <a:pt x="1249" y="1073"/>
                  <a:pt x="1249" y="1073"/>
                  <a:pt x="1249" y="1073"/>
                </a:cubicBezTo>
                <a:cubicBezTo>
                  <a:pt x="1256" y="1067"/>
                  <a:pt x="1268" y="1067"/>
                  <a:pt x="1274" y="1061"/>
                </a:cubicBezTo>
                <a:cubicBezTo>
                  <a:pt x="1274" y="1061"/>
                  <a:pt x="1274" y="1061"/>
                  <a:pt x="1268" y="1067"/>
                </a:cubicBezTo>
                <a:cubicBezTo>
                  <a:pt x="1268" y="1067"/>
                  <a:pt x="1268" y="1067"/>
                  <a:pt x="1274" y="1067"/>
                </a:cubicBezTo>
                <a:cubicBezTo>
                  <a:pt x="1274" y="1067"/>
                  <a:pt x="1274" y="1067"/>
                  <a:pt x="1274" y="1067"/>
                </a:cubicBezTo>
                <a:cubicBezTo>
                  <a:pt x="1274" y="1061"/>
                  <a:pt x="1281" y="1061"/>
                  <a:pt x="1287" y="1061"/>
                </a:cubicBezTo>
                <a:cubicBezTo>
                  <a:pt x="1293" y="1054"/>
                  <a:pt x="1293" y="1061"/>
                  <a:pt x="1318" y="1048"/>
                </a:cubicBezTo>
                <a:cubicBezTo>
                  <a:pt x="1300" y="1054"/>
                  <a:pt x="1318" y="1048"/>
                  <a:pt x="1287" y="1061"/>
                </a:cubicBezTo>
                <a:cubicBezTo>
                  <a:pt x="1287" y="1054"/>
                  <a:pt x="1318" y="1048"/>
                  <a:pt x="1356" y="1035"/>
                </a:cubicBezTo>
                <a:cubicBezTo>
                  <a:pt x="1356" y="1035"/>
                  <a:pt x="1362" y="1029"/>
                  <a:pt x="1369" y="1029"/>
                </a:cubicBezTo>
                <a:cubicBezTo>
                  <a:pt x="1381" y="1022"/>
                  <a:pt x="1394" y="1016"/>
                  <a:pt x="1406" y="1003"/>
                </a:cubicBezTo>
                <a:cubicBezTo>
                  <a:pt x="1406" y="1003"/>
                  <a:pt x="1400" y="1003"/>
                  <a:pt x="1400" y="1016"/>
                </a:cubicBezTo>
                <a:cubicBezTo>
                  <a:pt x="1406" y="1003"/>
                  <a:pt x="1406" y="1003"/>
                  <a:pt x="1412" y="997"/>
                </a:cubicBezTo>
                <a:cubicBezTo>
                  <a:pt x="1412" y="1003"/>
                  <a:pt x="1412" y="1003"/>
                  <a:pt x="1406" y="1003"/>
                </a:cubicBezTo>
                <a:cubicBezTo>
                  <a:pt x="1412" y="1003"/>
                  <a:pt x="1412" y="1003"/>
                  <a:pt x="1412" y="1003"/>
                </a:cubicBezTo>
                <a:cubicBezTo>
                  <a:pt x="1406" y="1003"/>
                  <a:pt x="1406" y="1003"/>
                  <a:pt x="1406" y="1003"/>
                </a:cubicBezTo>
                <a:cubicBezTo>
                  <a:pt x="1406" y="1003"/>
                  <a:pt x="1400" y="1016"/>
                  <a:pt x="1394" y="1016"/>
                </a:cubicBezTo>
                <a:cubicBezTo>
                  <a:pt x="1400" y="1016"/>
                  <a:pt x="1400" y="1016"/>
                  <a:pt x="1400" y="1016"/>
                </a:cubicBezTo>
                <a:cubicBezTo>
                  <a:pt x="1400" y="1016"/>
                  <a:pt x="1400" y="1016"/>
                  <a:pt x="1394" y="1016"/>
                </a:cubicBezTo>
                <a:cubicBezTo>
                  <a:pt x="1394" y="1016"/>
                  <a:pt x="1394" y="1016"/>
                  <a:pt x="1400" y="1016"/>
                </a:cubicBezTo>
                <a:cubicBezTo>
                  <a:pt x="1406" y="1016"/>
                  <a:pt x="1406" y="1016"/>
                  <a:pt x="1406" y="1003"/>
                </a:cubicBezTo>
                <a:cubicBezTo>
                  <a:pt x="1412" y="1003"/>
                  <a:pt x="1412" y="1003"/>
                  <a:pt x="1412" y="1003"/>
                </a:cubicBezTo>
                <a:cubicBezTo>
                  <a:pt x="1412" y="1003"/>
                  <a:pt x="1412" y="1003"/>
                  <a:pt x="1412" y="1003"/>
                </a:cubicBezTo>
                <a:cubicBezTo>
                  <a:pt x="1425" y="997"/>
                  <a:pt x="1438" y="991"/>
                  <a:pt x="1456" y="984"/>
                </a:cubicBezTo>
                <a:cubicBezTo>
                  <a:pt x="1444" y="984"/>
                  <a:pt x="1456" y="984"/>
                  <a:pt x="1444" y="984"/>
                </a:cubicBezTo>
                <a:cubicBezTo>
                  <a:pt x="1444" y="984"/>
                  <a:pt x="1444" y="984"/>
                  <a:pt x="1463" y="978"/>
                </a:cubicBezTo>
                <a:cubicBezTo>
                  <a:pt x="1469" y="972"/>
                  <a:pt x="1469" y="972"/>
                  <a:pt x="1469" y="978"/>
                </a:cubicBezTo>
                <a:cubicBezTo>
                  <a:pt x="1463" y="978"/>
                  <a:pt x="1463" y="978"/>
                  <a:pt x="1456" y="984"/>
                </a:cubicBezTo>
                <a:cubicBezTo>
                  <a:pt x="1463" y="978"/>
                  <a:pt x="1463" y="978"/>
                  <a:pt x="1469" y="978"/>
                </a:cubicBezTo>
                <a:cubicBezTo>
                  <a:pt x="1469" y="978"/>
                  <a:pt x="1469" y="978"/>
                  <a:pt x="1469" y="978"/>
                </a:cubicBezTo>
                <a:cubicBezTo>
                  <a:pt x="1469" y="978"/>
                  <a:pt x="1469" y="978"/>
                  <a:pt x="1475" y="972"/>
                </a:cubicBezTo>
                <a:cubicBezTo>
                  <a:pt x="1475" y="972"/>
                  <a:pt x="1482" y="972"/>
                  <a:pt x="1488" y="965"/>
                </a:cubicBezTo>
                <a:cubicBezTo>
                  <a:pt x="1488" y="965"/>
                  <a:pt x="1488" y="965"/>
                  <a:pt x="1475" y="972"/>
                </a:cubicBezTo>
                <a:cubicBezTo>
                  <a:pt x="1488" y="965"/>
                  <a:pt x="1494" y="959"/>
                  <a:pt x="1507" y="953"/>
                </a:cubicBezTo>
                <a:cubicBezTo>
                  <a:pt x="1507" y="953"/>
                  <a:pt x="1507" y="953"/>
                  <a:pt x="1519" y="946"/>
                </a:cubicBezTo>
                <a:cubicBezTo>
                  <a:pt x="1519" y="946"/>
                  <a:pt x="1519" y="946"/>
                  <a:pt x="1519" y="946"/>
                </a:cubicBezTo>
                <a:cubicBezTo>
                  <a:pt x="1519" y="946"/>
                  <a:pt x="1525" y="940"/>
                  <a:pt x="1532" y="940"/>
                </a:cubicBezTo>
                <a:cubicBezTo>
                  <a:pt x="1532" y="940"/>
                  <a:pt x="1532" y="940"/>
                  <a:pt x="1525" y="940"/>
                </a:cubicBezTo>
                <a:cubicBezTo>
                  <a:pt x="1551" y="921"/>
                  <a:pt x="1544" y="927"/>
                  <a:pt x="1551" y="921"/>
                </a:cubicBezTo>
                <a:cubicBezTo>
                  <a:pt x="1551" y="921"/>
                  <a:pt x="1551" y="921"/>
                  <a:pt x="1551" y="921"/>
                </a:cubicBezTo>
                <a:cubicBezTo>
                  <a:pt x="1557" y="921"/>
                  <a:pt x="1557" y="908"/>
                  <a:pt x="1563" y="908"/>
                </a:cubicBezTo>
                <a:cubicBezTo>
                  <a:pt x="1582" y="902"/>
                  <a:pt x="1582" y="896"/>
                  <a:pt x="1582" y="896"/>
                </a:cubicBezTo>
                <a:cubicBezTo>
                  <a:pt x="1582" y="902"/>
                  <a:pt x="1582" y="902"/>
                  <a:pt x="1582" y="902"/>
                </a:cubicBezTo>
                <a:cubicBezTo>
                  <a:pt x="1594" y="889"/>
                  <a:pt x="1607" y="883"/>
                  <a:pt x="1613" y="870"/>
                </a:cubicBezTo>
                <a:cubicBezTo>
                  <a:pt x="1620" y="870"/>
                  <a:pt x="1620" y="870"/>
                  <a:pt x="1620" y="870"/>
                </a:cubicBezTo>
                <a:cubicBezTo>
                  <a:pt x="1620" y="870"/>
                  <a:pt x="1620" y="870"/>
                  <a:pt x="1620" y="870"/>
                </a:cubicBezTo>
                <a:cubicBezTo>
                  <a:pt x="1620" y="870"/>
                  <a:pt x="1620" y="870"/>
                  <a:pt x="1620" y="870"/>
                </a:cubicBezTo>
                <a:cubicBezTo>
                  <a:pt x="1620" y="864"/>
                  <a:pt x="1626" y="864"/>
                  <a:pt x="1626" y="857"/>
                </a:cubicBezTo>
                <a:cubicBezTo>
                  <a:pt x="1632" y="857"/>
                  <a:pt x="1632" y="857"/>
                  <a:pt x="1632" y="851"/>
                </a:cubicBezTo>
                <a:cubicBezTo>
                  <a:pt x="1632" y="851"/>
                  <a:pt x="1632" y="851"/>
                  <a:pt x="1651" y="838"/>
                </a:cubicBezTo>
                <a:cubicBezTo>
                  <a:pt x="1651" y="838"/>
                  <a:pt x="1651" y="838"/>
                  <a:pt x="1638" y="845"/>
                </a:cubicBezTo>
                <a:cubicBezTo>
                  <a:pt x="1645" y="845"/>
                  <a:pt x="1651" y="838"/>
                  <a:pt x="1657" y="832"/>
                </a:cubicBezTo>
                <a:cubicBezTo>
                  <a:pt x="1664" y="826"/>
                  <a:pt x="1664" y="826"/>
                  <a:pt x="1664" y="826"/>
                </a:cubicBezTo>
                <a:cubicBezTo>
                  <a:pt x="1657" y="826"/>
                  <a:pt x="1657" y="826"/>
                  <a:pt x="1657" y="826"/>
                </a:cubicBezTo>
                <a:cubicBezTo>
                  <a:pt x="1670" y="807"/>
                  <a:pt x="1689" y="794"/>
                  <a:pt x="1670" y="807"/>
                </a:cubicBezTo>
                <a:cubicBezTo>
                  <a:pt x="1689" y="794"/>
                  <a:pt x="1707" y="769"/>
                  <a:pt x="1726" y="737"/>
                </a:cubicBezTo>
                <a:cubicBezTo>
                  <a:pt x="1726" y="737"/>
                  <a:pt x="1739" y="718"/>
                  <a:pt x="1739" y="705"/>
                </a:cubicBezTo>
                <a:cubicBezTo>
                  <a:pt x="1739" y="705"/>
                  <a:pt x="1739" y="705"/>
                  <a:pt x="1739" y="699"/>
                </a:cubicBezTo>
                <a:cubicBezTo>
                  <a:pt x="1739" y="705"/>
                  <a:pt x="1733" y="718"/>
                  <a:pt x="1733" y="718"/>
                </a:cubicBezTo>
                <a:cubicBezTo>
                  <a:pt x="1739" y="718"/>
                  <a:pt x="1739" y="705"/>
                  <a:pt x="1739" y="699"/>
                </a:cubicBezTo>
                <a:cubicBezTo>
                  <a:pt x="1745" y="692"/>
                  <a:pt x="1745" y="692"/>
                  <a:pt x="1751" y="673"/>
                </a:cubicBezTo>
                <a:cubicBezTo>
                  <a:pt x="1751" y="680"/>
                  <a:pt x="1745" y="686"/>
                  <a:pt x="1739" y="692"/>
                </a:cubicBezTo>
                <a:cubicBezTo>
                  <a:pt x="1745" y="686"/>
                  <a:pt x="1751" y="667"/>
                  <a:pt x="1758" y="661"/>
                </a:cubicBezTo>
                <a:cubicBezTo>
                  <a:pt x="1751" y="667"/>
                  <a:pt x="1751" y="667"/>
                  <a:pt x="1751" y="667"/>
                </a:cubicBezTo>
                <a:cubicBezTo>
                  <a:pt x="1758" y="642"/>
                  <a:pt x="1758" y="642"/>
                  <a:pt x="1758" y="642"/>
                </a:cubicBezTo>
                <a:cubicBezTo>
                  <a:pt x="1764" y="635"/>
                  <a:pt x="1764" y="635"/>
                  <a:pt x="1764" y="635"/>
                </a:cubicBezTo>
                <a:cubicBezTo>
                  <a:pt x="1764" y="629"/>
                  <a:pt x="1764" y="629"/>
                  <a:pt x="1764" y="629"/>
                </a:cubicBezTo>
                <a:cubicBezTo>
                  <a:pt x="1764" y="604"/>
                  <a:pt x="1764" y="610"/>
                  <a:pt x="1764" y="635"/>
                </a:cubicBezTo>
                <a:cubicBezTo>
                  <a:pt x="1770" y="597"/>
                  <a:pt x="1770" y="572"/>
                  <a:pt x="1776" y="553"/>
                </a:cubicBezTo>
                <a:cubicBezTo>
                  <a:pt x="1776" y="553"/>
                  <a:pt x="1776" y="553"/>
                  <a:pt x="1770" y="572"/>
                </a:cubicBezTo>
                <a:cubicBezTo>
                  <a:pt x="1770" y="559"/>
                  <a:pt x="1776" y="553"/>
                  <a:pt x="1776" y="540"/>
                </a:cubicBezTo>
                <a:cubicBezTo>
                  <a:pt x="1776" y="534"/>
                  <a:pt x="1776" y="534"/>
                  <a:pt x="1776" y="534"/>
                </a:cubicBezTo>
                <a:close/>
                <a:moveTo>
                  <a:pt x="44" y="953"/>
                </a:moveTo>
                <a:cubicBezTo>
                  <a:pt x="44" y="953"/>
                  <a:pt x="44" y="946"/>
                  <a:pt x="38" y="946"/>
                </a:cubicBezTo>
                <a:cubicBezTo>
                  <a:pt x="44" y="946"/>
                  <a:pt x="44" y="953"/>
                  <a:pt x="44" y="953"/>
                </a:cubicBezTo>
                <a:close/>
                <a:moveTo>
                  <a:pt x="672" y="58"/>
                </a:moveTo>
                <a:cubicBezTo>
                  <a:pt x="672" y="58"/>
                  <a:pt x="672" y="58"/>
                  <a:pt x="672" y="58"/>
                </a:cubicBezTo>
                <a:cubicBezTo>
                  <a:pt x="685" y="58"/>
                  <a:pt x="685" y="58"/>
                  <a:pt x="691" y="58"/>
                </a:cubicBezTo>
                <a:cubicBezTo>
                  <a:pt x="685" y="58"/>
                  <a:pt x="685" y="58"/>
                  <a:pt x="672" y="58"/>
                </a:cubicBezTo>
                <a:close/>
                <a:moveTo>
                  <a:pt x="860" y="20"/>
                </a:moveTo>
                <a:cubicBezTo>
                  <a:pt x="860" y="20"/>
                  <a:pt x="860" y="20"/>
                  <a:pt x="860" y="20"/>
                </a:cubicBezTo>
                <a:cubicBezTo>
                  <a:pt x="860" y="20"/>
                  <a:pt x="860" y="20"/>
                  <a:pt x="860" y="20"/>
                </a:cubicBezTo>
                <a:close/>
                <a:moveTo>
                  <a:pt x="565" y="1130"/>
                </a:moveTo>
                <a:cubicBezTo>
                  <a:pt x="565" y="1130"/>
                  <a:pt x="565" y="1130"/>
                  <a:pt x="565" y="1130"/>
                </a:cubicBezTo>
                <a:cubicBezTo>
                  <a:pt x="565" y="1130"/>
                  <a:pt x="565" y="1130"/>
                  <a:pt x="565" y="1130"/>
                </a:cubicBezTo>
                <a:cubicBezTo>
                  <a:pt x="565" y="1130"/>
                  <a:pt x="565" y="1130"/>
                  <a:pt x="565" y="1130"/>
                </a:cubicBezTo>
                <a:close/>
                <a:moveTo>
                  <a:pt x="38" y="940"/>
                </a:moveTo>
                <a:cubicBezTo>
                  <a:pt x="38" y="946"/>
                  <a:pt x="38" y="946"/>
                  <a:pt x="38" y="946"/>
                </a:cubicBezTo>
                <a:cubicBezTo>
                  <a:pt x="38" y="940"/>
                  <a:pt x="32" y="934"/>
                  <a:pt x="32" y="927"/>
                </a:cubicBezTo>
                <a:cubicBezTo>
                  <a:pt x="32" y="934"/>
                  <a:pt x="32" y="934"/>
                  <a:pt x="38" y="940"/>
                </a:cubicBezTo>
                <a:close/>
                <a:moveTo>
                  <a:pt x="1551" y="927"/>
                </a:moveTo>
                <a:cubicBezTo>
                  <a:pt x="1563" y="908"/>
                  <a:pt x="1563" y="908"/>
                  <a:pt x="1563" y="908"/>
                </a:cubicBezTo>
                <a:cubicBezTo>
                  <a:pt x="1557" y="921"/>
                  <a:pt x="1557" y="921"/>
                  <a:pt x="1557" y="921"/>
                </a:cubicBezTo>
                <a:cubicBezTo>
                  <a:pt x="1551" y="927"/>
                  <a:pt x="1551" y="927"/>
                  <a:pt x="1551" y="927"/>
                </a:cubicBezTo>
                <a:close/>
                <a:moveTo>
                  <a:pt x="1563" y="134"/>
                </a:moveTo>
                <a:cubicBezTo>
                  <a:pt x="1576" y="134"/>
                  <a:pt x="1582" y="140"/>
                  <a:pt x="1582" y="140"/>
                </a:cubicBezTo>
                <a:cubicBezTo>
                  <a:pt x="1576" y="134"/>
                  <a:pt x="1576" y="134"/>
                  <a:pt x="1563" y="134"/>
                </a:cubicBezTo>
                <a:close/>
                <a:moveTo>
                  <a:pt x="1594" y="146"/>
                </a:moveTo>
                <a:cubicBezTo>
                  <a:pt x="1594" y="146"/>
                  <a:pt x="1594" y="146"/>
                  <a:pt x="1594" y="146"/>
                </a:cubicBezTo>
                <a:cubicBezTo>
                  <a:pt x="1601" y="153"/>
                  <a:pt x="1601" y="153"/>
                  <a:pt x="1601" y="153"/>
                </a:cubicBezTo>
                <a:cubicBezTo>
                  <a:pt x="1594" y="146"/>
                  <a:pt x="1594" y="146"/>
                  <a:pt x="1594" y="146"/>
                </a:cubicBezTo>
                <a:cubicBezTo>
                  <a:pt x="1588" y="146"/>
                  <a:pt x="1588" y="140"/>
                  <a:pt x="1582" y="140"/>
                </a:cubicBezTo>
                <a:cubicBezTo>
                  <a:pt x="1582" y="140"/>
                  <a:pt x="1582" y="140"/>
                  <a:pt x="1582" y="140"/>
                </a:cubicBezTo>
                <a:cubicBezTo>
                  <a:pt x="1588" y="140"/>
                  <a:pt x="1594" y="146"/>
                  <a:pt x="1601" y="153"/>
                </a:cubicBezTo>
                <a:cubicBezTo>
                  <a:pt x="1607" y="159"/>
                  <a:pt x="1594" y="146"/>
                  <a:pt x="1594" y="146"/>
                </a:cubicBezTo>
                <a:close/>
                <a:moveTo>
                  <a:pt x="19" y="750"/>
                </a:moveTo>
                <a:cubicBezTo>
                  <a:pt x="13" y="756"/>
                  <a:pt x="13" y="769"/>
                  <a:pt x="13" y="775"/>
                </a:cubicBezTo>
                <a:cubicBezTo>
                  <a:pt x="13" y="769"/>
                  <a:pt x="13" y="769"/>
                  <a:pt x="19" y="756"/>
                </a:cubicBezTo>
                <a:cubicBezTo>
                  <a:pt x="19" y="750"/>
                  <a:pt x="19" y="750"/>
                  <a:pt x="19" y="750"/>
                </a:cubicBezTo>
                <a:close/>
                <a:moveTo>
                  <a:pt x="1638" y="185"/>
                </a:moveTo>
                <a:cubicBezTo>
                  <a:pt x="1645" y="191"/>
                  <a:pt x="1645" y="191"/>
                  <a:pt x="1645" y="191"/>
                </a:cubicBezTo>
                <a:cubicBezTo>
                  <a:pt x="1651" y="197"/>
                  <a:pt x="1651" y="197"/>
                  <a:pt x="1651" y="197"/>
                </a:cubicBezTo>
                <a:cubicBezTo>
                  <a:pt x="1638" y="185"/>
                  <a:pt x="1638" y="185"/>
                  <a:pt x="1638" y="185"/>
                </a:cubicBezTo>
                <a:close/>
                <a:moveTo>
                  <a:pt x="1657" y="832"/>
                </a:moveTo>
                <a:cubicBezTo>
                  <a:pt x="1651" y="838"/>
                  <a:pt x="1651" y="838"/>
                  <a:pt x="1645" y="845"/>
                </a:cubicBezTo>
                <a:cubicBezTo>
                  <a:pt x="1651" y="838"/>
                  <a:pt x="1651" y="838"/>
                  <a:pt x="1657" y="832"/>
                </a:cubicBezTo>
                <a:close/>
                <a:moveTo>
                  <a:pt x="1645" y="845"/>
                </a:moveTo>
                <a:cubicBezTo>
                  <a:pt x="1638" y="851"/>
                  <a:pt x="1638" y="851"/>
                  <a:pt x="1638" y="851"/>
                </a:cubicBezTo>
                <a:cubicBezTo>
                  <a:pt x="1638" y="851"/>
                  <a:pt x="1638" y="851"/>
                  <a:pt x="1626" y="857"/>
                </a:cubicBezTo>
                <a:cubicBezTo>
                  <a:pt x="1645" y="845"/>
                  <a:pt x="1632" y="857"/>
                  <a:pt x="1645" y="845"/>
                </a:cubicBezTo>
                <a:cubicBezTo>
                  <a:pt x="1651" y="838"/>
                  <a:pt x="1651" y="838"/>
                  <a:pt x="1645" y="845"/>
                </a:cubicBezTo>
                <a:close/>
                <a:moveTo>
                  <a:pt x="1657" y="832"/>
                </a:moveTo>
                <a:cubicBezTo>
                  <a:pt x="1657" y="832"/>
                  <a:pt x="1664" y="826"/>
                  <a:pt x="1682" y="807"/>
                </a:cubicBezTo>
                <a:cubicBezTo>
                  <a:pt x="1670" y="813"/>
                  <a:pt x="1670" y="813"/>
                  <a:pt x="1670" y="813"/>
                </a:cubicBezTo>
                <a:cubicBezTo>
                  <a:pt x="1670" y="813"/>
                  <a:pt x="1670" y="813"/>
                  <a:pt x="1670" y="813"/>
                </a:cubicBezTo>
                <a:cubicBezTo>
                  <a:pt x="1682" y="807"/>
                  <a:pt x="1670" y="813"/>
                  <a:pt x="1682" y="800"/>
                </a:cubicBezTo>
                <a:cubicBezTo>
                  <a:pt x="1682" y="800"/>
                  <a:pt x="1682" y="800"/>
                  <a:pt x="1695" y="781"/>
                </a:cubicBezTo>
                <a:cubicBezTo>
                  <a:pt x="1689" y="794"/>
                  <a:pt x="1689" y="800"/>
                  <a:pt x="1682" y="807"/>
                </a:cubicBezTo>
                <a:cubicBezTo>
                  <a:pt x="1682" y="807"/>
                  <a:pt x="1682" y="807"/>
                  <a:pt x="1682" y="807"/>
                </a:cubicBezTo>
                <a:cubicBezTo>
                  <a:pt x="1682" y="800"/>
                  <a:pt x="1689" y="800"/>
                  <a:pt x="1689" y="794"/>
                </a:cubicBezTo>
                <a:cubicBezTo>
                  <a:pt x="1689" y="794"/>
                  <a:pt x="1689" y="800"/>
                  <a:pt x="1682" y="800"/>
                </a:cubicBezTo>
                <a:cubicBezTo>
                  <a:pt x="1682" y="807"/>
                  <a:pt x="1670" y="807"/>
                  <a:pt x="1670" y="807"/>
                </a:cubicBezTo>
                <a:cubicBezTo>
                  <a:pt x="1670" y="807"/>
                  <a:pt x="1670" y="807"/>
                  <a:pt x="1670" y="807"/>
                </a:cubicBezTo>
                <a:cubicBezTo>
                  <a:pt x="1664" y="826"/>
                  <a:pt x="1664" y="826"/>
                  <a:pt x="1664" y="826"/>
                </a:cubicBezTo>
                <a:cubicBezTo>
                  <a:pt x="1657" y="832"/>
                  <a:pt x="1657" y="832"/>
                  <a:pt x="1657" y="832"/>
                </a:cubicBezTo>
                <a:close/>
                <a:moveTo>
                  <a:pt x="1707" y="267"/>
                </a:moveTo>
                <a:cubicBezTo>
                  <a:pt x="1714" y="273"/>
                  <a:pt x="1720" y="280"/>
                  <a:pt x="1726" y="292"/>
                </a:cubicBezTo>
                <a:cubicBezTo>
                  <a:pt x="1720" y="280"/>
                  <a:pt x="1720" y="280"/>
                  <a:pt x="1720" y="280"/>
                </a:cubicBezTo>
                <a:cubicBezTo>
                  <a:pt x="1720" y="273"/>
                  <a:pt x="1714" y="267"/>
                  <a:pt x="1707" y="267"/>
                </a:cubicBezTo>
                <a:close/>
                <a:moveTo>
                  <a:pt x="1513" y="953"/>
                </a:moveTo>
                <a:cubicBezTo>
                  <a:pt x="1532" y="940"/>
                  <a:pt x="1532" y="940"/>
                  <a:pt x="1532" y="940"/>
                </a:cubicBezTo>
                <a:cubicBezTo>
                  <a:pt x="1519" y="946"/>
                  <a:pt x="1519" y="946"/>
                  <a:pt x="1519" y="946"/>
                </a:cubicBezTo>
                <a:cubicBezTo>
                  <a:pt x="1513" y="953"/>
                  <a:pt x="1513" y="953"/>
                  <a:pt x="1513" y="953"/>
                </a:cubicBezTo>
                <a:close/>
                <a:moveTo>
                  <a:pt x="1689" y="235"/>
                </a:moveTo>
                <a:cubicBezTo>
                  <a:pt x="1695" y="242"/>
                  <a:pt x="1695" y="242"/>
                  <a:pt x="1695" y="242"/>
                </a:cubicBezTo>
                <a:cubicBezTo>
                  <a:pt x="1689" y="235"/>
                  <a:pt x="1689" y="235"/>
                  <a:pt x="1689" y="235"/>
                </a:cubicBezTo>
                <a:cubicBezTo>
                  <a:pt x="1689" y="235"/>
                  <a:pt x="1689" y="235"/>
                  <a:pt x="1695" y="242"/>
                </a:cubicBezTo>
                <a:cubicBezTo>
                  <a:pt x="1695" y="248"/>
                  <a:pt x="1701" y="248"/>
                  <a:pt x="1701" y="248"/>
                </a:cubicBezTo>
                <a:cubicBezTo>
                  <a:pt x="1701" y="248"/>
                  <a:pt x="1695" y="248"/>
                  <a:pt x="1695" y="242"/>
                </a:cubicBezTo>
                <a:cubicBezTo>
                  <a:pt x="1695" y="242"/>
                  <a:pt x="1695" y="242"/>
                  <a:pt x="1689" y="235"/>
                </a:cubicBezTo>
                <a:close/>
                <a:moveTo>
                  <a:pt x="1707" y="261"/>
                </a:moveTo>
                <a:cubicBezTo>
                  <a:pt x="1707" y="261"/>
                  <a:pt x="1707" y="261"/>
                  <a:pt x="1707" y="261"/>
                </a:cubicBezTo>
                <a:cubicBezTo>
                  <a:pt x="1701" y="254"/>
                  <a:pt x="1701" y="254"/>
                  <a:pt x="1701" y="248"/>
                </a:cubicBezTo>
                <a:cubicBezTo>
                  <a:pt x="1701" y="254"/>
                  <a:pt x="1707" y="261"/>
                  <a:pt x="1707" y="261"/>
                </a:cubicBezTo>
                <a:close/>
                <a:moveTo>
                  <a:pt x="1707" y="261"/>
                </a:moveTo>
                <a:cubicBezTo>
                  <a:pt x="1707" y="261"/>
                  <a:pt x="1707" y="261"/>
                  <a:pt x="1707" y="267"/>
                </a:cubicBezTo>
                <a:cubicBezTo>
                  <a:pt x="1714" y="267"/>
                  <a:pt x="1714" y="267"/>
                  <a:pt x="1714" y="267"/>
                </a:cubicBezTo>
                <a:cubicBezTo>
                  <a:pt x="1714" y="267"/>
                  <a:pt x="1714" y="267"/>
                  <a:pt x="1707" y="261"/>
                </a:cubicBezTo>
                <a:close/>
                <a:moveTo>
                  <a:pt x="283" y="1111"/>
                </a:moveTo>
                <a:cubicBezTo>
                  <a:pt x="277" y="1105"/>
                  <a:pt x="277" y="1105"/>
                  <a:pt x="277" y="1105"/>
                </a:cubicBezTo>
                <a:cubicBezTo>
                  <a:pt x="277" y="1111"/>
                  <a:pt x="277" y="1111"/>
                  <a:pt x="277" y="1111"/>
                </a:cubicBezTo>
                <a:cubicBezTo>
                  <a:pt x="289" y="1111"/>
                  <a:pt x="302" y="1124"/>
                  <a:pt x="283" y="1111"/>
                </a:cubicBezTo>
                <a:close/>
                <a:moveTo>
                  <a:pt x="270" y="1105"/>
                </a:moveTo>
                <a:cubicBezTo>
                  <a:pt x="277" y="1105"/>
                  <a:pt x="277" y="1105"/>
                  <a:pt x="277" y="1105"/>
                </a:cubicBezTo>
                <a:cubicBezTo>
                  <a:pt x="277" y="1105"/>
                  <a:pt x="277" y="1105"/>
                  <a:pt x="277" y="1105"/>
                </a:cubicBezTo>
                <a:cubicBezTo>
                  <a:pt x="270" y="1105"/>
                  <a:pt x="270" y="1105"/>
                  <a:pt x="270" y="1105"/>
                </a:cubicBezTo>
                <a:close/>
                <a:moveTo>
                  <a:pt x="277" y="1111"/>
                </a:moveTo>
                <a:cubicBezTo>
                  <a:pt x="277" y="1111"/>
                  <a:pt x="277" y="1111"/>
                  <a:pt x="277" y="1111"/>
                </a:cubicBezTo>
                <a:cubicBezTo>
                  <a:pt x="270" y="1105"/>
                  <a:pt x="270" y="1105"/>
                  <a:pt x="264" y="1105"/>
                </a:cubicBezTo>
                <a:cubicBezTo>
                  <a:pt x="270" y="1105"/>
                  <a:pt x="270" y="1105"/>
                  <a:pt x="277" y="1111"/>
                </a:cubicBezTo>
                <a:close/>
                <a:moveTo>
                  <a:pt x="270" y="1105"/>
                </a:moveTo>
                <a:cubicBezTo>
                  <a:pt x="258" y="1105"/>
                  <a:pt x="258" y="1105"/>
                  <a:pt x="258" y="1105"/>
                </a:cubicBezTo>
                <a:cubicBezTo>
                  <a:pt x="270" y="1105"/>
                  <a:pt x="264" y="1105"/>
                  <a:pt x="270" y="1105"/>
                </a:cubicBezTo>
                <a:close/>
                <a:moveTo>
                  <a:pt x="208" y="1086"/>
                </a:moveTo>
                <a:cubicBezTo>
                  <a:pt x="208" y="1086"/>
                  <a:pt x="214" y="1086"/>
                  <a:pt x="201" y="1080"/>
                </a:cubicBezTo>
                <a:cubicBezTo>
                  <a:pt x="201" y="1080"/>
                  <a:pt x="201" y="1080"/>
                  <a:pt x="201" y="1080"/>
                </a:cubicBezTo>
                <a:cubicBezTo>
                  <a:pt x="189" y="1073"/>
                  <a:pt x="170" y="1067"/>
                  <a:pt x="145" y="1048"/>
                </a:cubicBezTo>
                <a:cubicBezTo>
                  <a:pt x="151" y="1054"/>
                  <a:pt x="151" y="1054"/>
                  <a:pt x="151" y="1054"/>
                </a:cubicBezTo>
                <a:cubicBezTo>
                  <a:pt x="151" y="1054"/>
                  <a:pt x="145" y="1054"/>
                  <a:pt x="139" y="1054"/>
                </a:cubicBezTo>
                <a:cubicBezTo>
                  <a:pt x="145" y="1054"/>
                  <a:pt x="151" y="1054"/>
                  <a:pt x="151" y="1061"/>
                </a:cubicBezTo>
                <a:cubicBezTo>
                  <a:pt x="170" y="1067"/>
                  <a:pt x="195" y="1080"/>
                  <a:pt x="195" y="1080"/>
                </a:cubicBezTo>
                <a:cubicBezTo>
                  <a:pt x="226" y="1092"/>
                  <a:pt x="201" y="1080"/>
                  <a:pt x="226" y="1092"/>
                </a:cubicBezTo>
                <a:cubicBezTo>
                  <a:pt x="226" y="1092"/>
                  <a:pt x="226" y="1092"/>
                  <a:pt x="226" y="1092"/>
                </a:cubicBezTo>
                <a:cubicBezTo>
                  <a:pt x="226" y="1092"/>
                  <a:pt x="226" y="1092"/>
                  <a:pt x="226" y="1092"/>
                </a:cubicBezTo>
                <a:cubicBezTo>
                  <a:pt x="245" y="1099"/>
                  <a:pt x="245" y="1099"/>
                  <a:pt x="245" y="1099"/>
                </a:cubicBezTo>
                <a:cubicBezTo>
                  <a:pt x="245" y="1099"/>
                  <a:pt x="245" y="1099"/>
                  <a:pt x="270" y="1105"/>
                </a:cubicBezTo>
                <a:cubicBezTo>
                  <a:pt x="258" y="1105"/>
                  <a:pt x="264" y="1105"/>
                  <a:pt x="245" y="1099"/>
                </a:cubicBezTo>
                <a:cubicBezTo>
                  <a:pt x="239" y="1092"/>
                  <a:pt x="226" y="1092"/>
                  <a:pt x="214" y="1086"/>
                </a:cubicBezTo>
                <a:cubicBezTo>
                  <a:pt x="208" y="1086"/>
                  <a:pt x="208" y="1086"/>
                  <a:pt x="208" y="1086"/>
                </a:cubicBezTo>
                <a:close/>
                <a:moveTo>
                  <a:pt x="264" y="1105"/>
                </a:moveTo>
                <a:cubicBezTo>
                  <a:pt x="258" y="1105"/>
                  <a:pt x="251" y="1099"/>
                  <a:pt x="251" y="1099"/>
                </a:cubicBezTo>
                <a:cubicBezTo>
                  <a:pt x="258" y="1105"/>
                  <a:pt x="258" y="1105"/>
                  <a:pt x="264" y="1105"/>
                </a:cubicBezTo>
                <a:close/>
                <a:moveTo>
                  <a:pt x="251" y="1099"/>
                </a:moveTo>
                <a:cubicBezTo>
                  <a:pt x="251" y="1099"/>
                  <a:pt x="251" y="1099"/>
                  <a:pt x="245" y="1099"/>
                </a:cubicBezTo>
                <a:cubicBezTo>
                  <a:pt x="251" y="1099"/>
                  <a:pt x="245" y="1099"/>
                  <a:pt x="251" y="1099"/>
                </a:cubicBezTo>
                <a:close/>
                <a:moveTo>
                  <a:pt x="214" y="1086"/>
                </a:moveTo>
                <a:cubicBezTo>
                  <a:pt x="214" y="1086"/>
                  <a:pt x="214" y="1086"/>
                  <a:pt x="226" y="1092"/>
                </a:cubicBezTo>
                <a:cubicBezTo>
                  <a:pt x="214" y="1086"/>
                  <a:pt x="214" y="1086"/>
                  <a:pt x="214" y="1086"/>
                </a:cubicBezTo>
                <a:close/>
                <a:moveTo>
                  <a:pt x="13" y="876"/>
                </a:moveTo>
                <a:cubicBezTo>
                  <a:pt x="13" y="883"/>
                  <a:pt x="13" y="883"/>
                  <a:pt x="13" y="889"/>
                </a:cubicBezTo>
                <a:cubicBezTo>
                  <a:pt x="13" y="876"/>
                  <a:pt x="13" y="870"/>
                  <a:pt x="0" y="857"/>
                </a:cubicBezTo>
                <a:cubicBezTo>
                  <a:pt x="0" y="857"/>
                  <a:pt x="0" y="857"/>
                  <a:pt x="13" y="876"/>
                </a:cubicBezTo>
                <a:close/>
                <a:moveTo>
                  <a:pt x="107" y="1035"/>
                </a:moveTo>
                <a:cubicBezTo>
                  <a:pt x="120" y="1035"/>
                  <a:pt x="120" y="1035"/>
                  <a:pt x="120" y="1035"/>
                </a:cubicBezTo>
                <a:cubicBezTo>
                  <a:pt x="120" y="1035"/>
                  <a:pt x="120" y="1035"/>
                  <a:pt x="107" y="1035"/>
                </a:cubicBezTo>
                <a:close/>
                <a:moveTo>
                  <a:pt x="70" y="991"/>
                </a:moveTo>
                <a:cubicBezTo>
                  <a:pt x="70" y="991"/>
                  <a:pt x="70" y="991"/>
                  <a:pt x="70" y="984"/>
                </a:cubicBezTo>
                <a:cubicBezTo>
                  <a:pt x="70" y="991"/>
                  <a:pt x="70" y="991"/>
                  <a:pt x="70" y="991"/>
                </a:cubicBezTo>
                <a:cubicBezTo>
                  <a:pt x="76" y="991"/>
                  <a:pt x="76" y="997"/>
                  <a:pt x="76" y="997"/>
                </a:cubicBezTo>
                <a:cubicBezTo>
                  <a:pt x="76" y="997"/>
                  <a:pt x="76" y="991"/>
                  <a:pt x="70" y="991"/>
                </a:cubicBezTo>
                <a:cubicBezTo>
                  <a:pt x="70" y="984"/>
                  <a:pt x="70" y="984"/>
                  <a:pt x="70" y="991"/>
                </a:cubicBezTo>
                <a:close/>
                <a:moveTo>
                  <a:pt x="57" y="978"/>
                </a:moveTo>
                <a:cubicBezTo>
                  <a:pt x="51" y="972"/>
                  <a:pt x="51" y="965"/>
                  <a:pt x="44" y="953"/>
                </a:cubicBezTo>
                <a:cubicBezTo>
                  <a:pt x="51" y="965"/>
                  <a:pt x="51" y="965"/>
                  <a:pt x="57" y="978"/>
                </a:cubicBezTo>
                <a:close/>
                <a:moveTo>
                  <a:pt x="88" y="1016"/>
                </a:moveTo>
                <a:cubicBezTo>
                  <a:pt x="88" y="1016"/>
                  <a:pt x="88" y="1016"/>
                  <a:pt x="88" y="1016"/>
                </a:cubicBezTo>
                <a:cubicBezTo>
                  <a:pt x="88" y="1016"/>
                  <a:pt x="88" y="1016"/>
                  <a:pt x="88" y="1003"/>
                </a:cubicBezTo>
                <a:cubicBezTo>
                  <a:pt x="88" y="1016"/>
                  <a:pt x="88" y="1016"/>
                  <a:pt x="88" y="1016"/>
                </a:cubicBezTo>
                <a:close/>
                <a:moveTo>
                  <a:pt x="38" y="953"/>
                </a:moveTo>
                <a:cubicBezTo>
                  <a:pt x="44" y="953"/>
                  <a:pt x="44" y="953"/>
                  <a:pt x="44" y="953"/>
                </a:cubicBezTo>
                <a:cubicBezTo>
                  <a:pt x="38" y="946"/>
                  <a:pt x="38" y="940"/>
                  <a:pt x="32" y="934"/>
                </a:cubicBezTo>
                <a:cubicBezTo>
                  <a:pt x="32" y="940"/>
                  <a:pt x="38" y="946"/>
                  <a:pt x="38" y="953"/>
                </a:cubicBezTo>
                <a:close/>
                <a:moveTo>
                  <a:pt x="584" y="1168"/>
                </a:moveTo>
                <a:cubicBezTo>
                  <a:pt x="572" y="1162"/>
                  <a:pt x="553" y="1162"/>
                  <a:pt x="540" y="1162"/>
                </a:cubicBezTo>
                <a:cubicBezTo>
                  <a:pt x="546" y="1162"/>
                  <a:pt x="565" y="1162"/>
                  <a:pt x="572" y="1168"/>
                </a:cubicBezTo>
                <a:cubicBezTo>
                  <a:pt x="572" y="1162"/>
                  <a:pt x="565" y="1162"/>
                  <a:pt x="584" y="1168"/>
                </a:cubicBezTo>
                <a:close/>
                <a:moveTo>
                  <a:pt x="63" y="642"/>
                </a:moveTo>
                <a:cubicBezTo>
                  <a:pt x="63" y="648"/>
                  <a:pt x="57" y="648"/>
                  <a:pt x="57" y="648"/>
                </a:cubicBezTo>
                <a:cubicBezTo>
                  <a:pt x="57" y="648"/>
                  <a:pt x="57" y="648"/>
                  <a:pt x="57" y="648"/>
                </a:cubicBezTo>
                <a:cubicBezTo>
                  <a:pt x="57" y="648"/>
                  <a:pt x="57" y="648"/>
                  <a:pt x="63" y="642"/>
                </a:cubicBezTo>
                <a:cubicBezTo>
                  <a:pt x="63" y="642"/>
                  <a:pt x="63" y="642"/>
                  <a:pt x="70" y="635"/>
                </a:cubicBezTo>
                <a:cubicBezTo>
                  <a:pt x="63" y="642"/>
                  <a:pt x="63" y="648"/>
                  <a:pt x="57" y="648"/>
                </a:cubicBezTo>
                <a:cubicBezTo>
                  <a:pt x="63" y="642"/>
                  <a:pt x="63" y="642"/>
                  <a:pt x="63" y="642"/>
                </a:cubicBezTo>
                <a:cubicBezTo>
                  <a:pt x="51" y="661"/>
                  <a:pt x="57" y="648"/>
                  <a:pt x="44" y="667"/>
                </a:cubicBezTo>
                <a:cubicBezTo>
                  <a:pt x="51" y="661"/>
                  <a:pt x="57" y="648"/>
                  <a:pt x="63" y="642"/>
                </a:cubicBezTo>
                <a:cubicBezTo>
                  <a:pt x="63" y="642"/>
                  <a:pt x="63" y="642"/>
                  <a:pt x="63" y="642"/>
                </a:cubicBezTo>
                <a:close/>
                <a:moveTo>
                  <a:pt x="823" y="1162"/>
                </a:moveTo>
                <a:cubicBezTo>
                  <a:pt x="823" y="1162"/>
                  <a:pt x="823" y="1162"/>
                  <a:pt x="823" y="1162"/>
                </a:cubicBezTo>
                <a:cubicBezTo>
                  <a:pt x="823" y="1162"/>
                  <a:pt x="823" y="1162"/>
                  <a:pt x="835" y="1162"/>
                </a:cubicBezTo>
                <a:cubicBezTo>
                  <a:pt x="848" y="1156"/>
                  <a:pt x="848" y="1156"/>
                  <a:pt x="823" y="1162"/>
                </a:cubicBezTo>
                <a:close/>
                <a:moveTo>
                  <a:pt x="170" y="508"/>
                </a:moveTo>
                <a:cubicBezTo>
                  <a:pt x="164" y="527"/>
                  <a:pt x="157" y="527"/>
                  <a:pt x="176" y="508"/>
                </a:cubicBezTo>
                <a:cubicBezTo>
                  <a:pt x="170" y="508"/>
                  <a:pt x="170" y="508"/>
                  <a:pt x="170" y="508"/>
                </a:cubicBezTo>
                <a:close/>
                <a:moveTo>
                  <a:pt x="615" y="1168"/>
                </a:moveTo>
                <a:cubicBezTo>
                  <a:pt x="628" y="1168"/>
                  <a:pt x="628" y="1168"/>
                  <a:pt x="628" y="1168"/>
                </a:cubicBezTo>
                <a:cubicBezTo>
                  <a:pt x="653" y="1168"/>
                  <a:pt x="685" y="1168"/>
                  <a:pt x="703" y="1168"/>
                </a:cubicBezTo>
                <a:cubicBezTo>
                  <a:pt x="647" y="1168"/>
                  <a:pt x="647" y="1168"/>
                  <a:pt x="615" y="1168"/>
                </a:cubicBezTo>
                <a:close/>
                <a:moveTo>
                  <a:pt x="1030" y="1137"/>
                </a:moveTo>
                <a:cubicBezTo>
                  <a:pt x="1042" y="1130"/>
                  <a:pt x="1042" y="1130"/>
                  <a:pt x="1042" y="1130"/>
                </a:cubicBezTo>
                <a:cubicBezTo>
                  <a:pt x="1011" y="1137"/>
                  <a:pt x="1011" y="1137"/>
                  <a:pt x="1011" y="1137"/>
                </a:cubicBezTo>
                <a:cubicBezTo>
                  <a:pt x="1030" y="1137"/>
                  <a:pt x="1030" y="1137"/>
                  <a:pt x="1030" y="1137"/>
                </a:cubicBezTo>
                <a:close/>
                <a:moveTo>
                  <a:pt x="1067" y="1124"/>
                </a:moveTo>
                <a:cubicBezTo>
                  <a:pt x="1099" y="1111"/>
                  <a:pt x="1086" y="1111"/>
                  <a:pt x="1080" y="1124"/>
                </a:cubicBezTo>
                <a:cubicBezTo>
                  <a:pt x="1067" y="1124"/>
                  <a:pt x="1067" y="1124"/>
                  <a:pt x="1067" y="1124"/>
                </a:cubicBezTo>
                <a:close/>
                <a:moveTo>
                  <a:pt x="1419" y="1003"/>
                </a:moveTo>
                <a:cubicBezTo>
                  <a:pt x="1406" y="1016"/>
                  <a:pt x="1412" y="1003"/>
                  <a:pt x="1400" y="1016"/>
                </a:cubicBezTo>
                <a:cubicBezTo>
                  <a:pt x="1419" y="1003"/>
                  <a:pt x="1419" y="1003"/>
                  <a:pt x="1419" y="1003"/>
                </a:cubicBezTo>
                <a:close/>
                <a:moveTo>
                  <a:pt x="308" y="1124"/>
                </a:moveTo>
                <a:cubicBezTo>
                  <a:pt x="308" y="1130"/>
                  <a:pt x="314" y="1130"/>
                  <a:pt x="333" y="1137"/>
                </a:cubicBezTo>
                <a:cubicBezTo>
                  <a:pt x="333" y="1137"/>
                  <a:pt x="333" y="1137"/>
                  <a:pt x="333" y="1130"/>
                </a:cubicBezTo>
                <a:cubicBezTo>
                  <a:pt x="327" y="1130"/>
                  <a:pt x="321" y="1130"/>
                  <a:pt x="314" y="1130"/>
                </a:cubicBezTo>
                <a:cubicBezTo>
                  <a:pt x="308" y="1124"/>
                  <a:pt x="308" y="1124"/>
                  <a:pt x="308" y="1124"/>
                </a:cubicBezTo>
                <a:close/>
                <a:moveTo>
                  <a:pt x="352" y="381"/>
                </a:moveTo>
                <a:cubicBezTo>
                  <a:pt x="358" y="381"/>
                  <a:pt x="358" y="381"/>
                  <a:pt x="358" y="381"/>
                </a:cubicBezTo>
                <a:cubicBezTo>
                  <a:pt x="346" y="381"/>
                  <a:pt x="352" y="381"/>
                  <a:pt x="352" y="381"/>
                </a:cubicBezTo>
                <a:close/>
                <a:moveTo>
                  <a:pt x="590" y="1168"/>
                </a:moveTo>
                <a:cubicBezTo>
                  <a:pt x="590" y="1168"/>
                  <a:pt x="590" y="1168"/>
                  <a:pt x="615" y="1168"/>
                </a:cubicBezTo>
                <a:cubicBezTo>
                  <a:pt x="615" y="1168"/>
                  <a:pt x="609" y="1168"/>
                  <a:pt x="597" y="1168"/>
                </a:cubicBezTo>
                <a:cubicBezTo>
                  <a:pt x="590" y="1168"/>
                  <a:pt x="590" y="1168"/>
                  <a:pt x="590" y="1168"/>
                </a:cubicBezTo>
                <a:close/>
                <a:moveTo>
                  <a:pt x="1055" y="1130"/>
                </a:moveTo>
                <a:cubicBezTo>
                  <a:pt x="1055" y="1130"/>
                  <a:pt x="1055" y="1130"/>
                  <a:pt x="1048" y="1130"/>
                </a:cubicBezTo>
                <a:cubicBezTo>
                  <a:pt x="1055" y="1130"/>
                  <a:pt x="1055" y="1130"/>
                  <a:pt x="1055" y="1130"/>
                </a:cubicBezTo>
                <a:close/>
                <a:moveTo>
                  <a:pt x="1048" y="1130"/>
                </a:moveTo>
                <a:cubicBezTo>
                  <a:pt x="1048" y="1130"/>
                  <a:pt x="1048" y="1130"/>
                  <a:pt x="1042" y="1130"/>
                </a:cubicBezTo>
                <a:cubicBezTo>
                  <a:pt x="1048" y="1130"/>
                  <a:pt x="1048" y="1130"/>
                  <a:pt x="1048" y="1130"/>
                </a:cubicBezTo>
                <a:close/>
                <a:moveTo>
                  <a:pt x="1701" y="781"/>
                </a:moveTo>
                <a:cubicBezTo>
                  <a:pt x="1707" y="769"/>
                  <a:pt x="1707" y="769"/>
                  <a:pt x="1707" y="769"/>
                </a:cubicBezTo>
                <a:cubicBezTo>
                  <a:pt x="1695" y="788"/>
                  <a:pt x="1695" y="788"/>
                  <a:pt x="1695" y="788"/>
                </a:cubicBezTo>
                <a:cubicBezTo>
                  <a:pt x="1701" y="781"/>
                  <a:pt x="1701" y="781"/>
                  <a:pt x="1701" y="781"/>
                </a:cubicBezTo>
                <a:close/>
                <a:moveTo>
                  <a:pt x="390" y="1143"/>
                </a:moveTo>
                <a:cubicBezTo>
                  <a:pt x="390" y="1143"/>
                  <a:pt x="390" y="1143"/>
                  <a:pt x="390" y="1143"/>
                </a:cubicBezTo>
                <a:cubicBezTo>
                  <a:pt x="390" y="1143"/>
                  <a:pt x="390" y="1143"/>
                  <a:pt x="390" y="1143"/>
                </a:cubicBezTo>
                <a:close/>
                <a:moveTo>
                  <a:pt x="371" y="1143"/>
                </a:moveTo>
                <a:cubicBezTo>
                  <a:pt x="383" y="1143"/>
                  <a:pt x="383" y="1143"/>
                  <a:pt x="371" y="1143"/>
                </a:cubicBezTo>
                <a:close/>
                <a:moveTo>
                  <a:pt x="371" y="1143"/>
                </a:moveTo>
                <a:cubicBezTo>
                  <a:pt x="371" y="1143"/>
                  <a:pt x="371" y="1143"/>
                  <a:pt x="371" y="1143"/>
                </a:cubicBezTo>
                <a:cubicBezTo>
                  <a:pt x="371" y="1143"/>
                  <a:pt x="371" y="1143"/>
                  <a:pt x="371" y="1143"/>
                </a:cubicBezTo>
                <a:close/>
                <a:moveTo>
                  <a:pt x="390" y="1143"/>
                </a:moveTo>
                <a:cubicBezTo>
                  <a:pt x="383" y="1143"/>
                  <a:pt x="383" y="1143"/>
                  <a:pt x="383" y="1143"/>
                </a:cubicBezTo>
                <a:cubicBezTo>
                  <a:pt x="383" y="1143"/>
                  <a:pt x="383" y="1143"/>
                  <a:pt x="390" y="1143"/>
                </a:cubicBezTo>
                <a:close/>
                <a:moveTo>
                  <a:pt x="383" y="1143"/>
                </a:moveTo>
                <a:cubicBezTo>
                  <a:pt x="377" y="1143"/>
                  <a:pt x="371" y="1143"/>
                  <a:pt x="371" y="1143"/>
                </a:cubicBezTo>
                <a:cubicBezTo>
                  <a:pt x="377" y="1143"/>
                  <a:pt x="377" y="1143"/>
                  <a:pt x="383" y="1143"/>
                </a:cubicBezTo>
                <a:close/>
                <a:moveTo>
                  <a:pt x="1582" y="902"/>
                </a:moveTo>
                <a:cubicBezTo>
                  <a:pt x="1607" y="883"/>
                  <a:pt x="1607" y="883"/>
                  <a:pt x="1607" y="883"/>
                </a:cubicBezTo>
                <a:cubicBezTo>
                  <a:pt x="1588" y="896"/>
                  <a:pt x="1588" y="896"/>
                  <a:pt x="1588" y="896"/>
                </a:cubicBezTo>
                <a:cubicBezTo>
                  <a:pt x="1582" y="902"/>
                  <a:pt x="1582" y="902"/>
                  <a:pt x="1582" y="902"/>
                </a:cubicBezTo>
                <a:close/>
                <a:moveTo>
                  <a:pt x="120" y="1035"/>
                </a:moveTo>
                <a:cubicBezTo>
                  <a:pt x="107" y="1035"/>
                  <a:pt x="107" y="1029"/>
                  <a:pt x="107" y="1029"/>
                </a:cubicBezTo>
                <a:cubicBezTo>
                  <a:pt x="107" y="1029"/>
                  <a:pt x="107" y="1029"/>
                  <a:pt x="107" y="1029"/>
                </a:cubicBezTo>
                <a:cubicBezTo>
                  <a:pt x="107" y="1035"/>
                  <a:pt x="120" y="1035"/>
                  <a:pt x="120" y="1035"/>
                </a:cubicBezTo>
                <a:close/>
                <a:moveTo>
                  <a:pt x="929" y="1149"/>
                </a:moveTo>
                <a:cubicBezTo>
                  <a:pt x="948" y="1149"/>
                  <a:pt x="948" y="1149"/>
                  <a:pt x="948" y="1149"/>
                </a:cubicBezTo>
                <a:cubicBezTo>
                  <a:pt x="961" y="1143"/>
                  <a:pt x="961" y="1143"/>
                  <a:pt x="961" y="1143"/>
                </a:cubicBezTo>
                <a:cubicBezTo>
                  <a:pt x="961" y="1143"/>
                  <a:pt x="961" y="1143"/>
                  <a:pt x="961" y="1143"/>
                </a:cubicBezTo>
                <a:cubicBezTo>
                  <a:pt x="929" y="1149"/>
                  <a:pt x="929" y="1149"/>
                  <a:pt x="929" y="1149"/>
                </a:cubicBezTo>
                <a:close/>
                <a:moveTo>
                  <a:pt x="132" y="1048"/>
                </a:moveTo>
                <a:cubicBezTo>
                  <a:pt x="132" y="1048"/>
                  <a:pt x="132" y="1048"/>
                  <a:pt x="132" y="1048"/>
                </a:cubicBezTo>
                <a:cubicBezTo>
                  <a:pt x="139" y="1048"/>
                  <a:pt x="139" y="1048"/>
                  <a:pt x="132" y="1048"/>
                </a:cubicBezTo>
                <a:close/>
                <a:moveTo>
                  <a:pt x="120" y="1035"/>
                </a:moveTo>
                <a:cubicBezTo>
                  <a:pt x="120" y="1035"/>
                  <a:pt x="107" y="1029"/>
                  <a:pt x="95" y="1022"/>
                </a:cubicBezTo>
                <a:cubicBezTo>
                  <a:pt x="95" y="1022"/>
                  <a:pt x="95" y="1022"/>
                  <a:pt x="107" y="1035"/>
                </a:cubicBezTo>
                <a:cubicBezTo>
                  <a:pt x="107" y="1035"/>
                  <a:pt x="107" y="1035"/>
                  <a:pt x="107" y="1035"/>
                </a:cubicBezTo>
                <a:cubicBezTo>
                  <a:pt x="120" y="1035"/>
                  <a:pt x="126" y="1042"/>
                  <a:pt x="132" y="1048"/>
                </a:cubicBezTo>
                <a:cubicBezTo>
                  <a:pt x="126" y="1042"/>
                  <a:pt x="126" y="1042"/>
                  <a:pt x="126" y="1042"/>
                </a:cubicBezTo>
                <a:cubicBezTo>
                  <a:pt x="120" y="1035"/>
                  <a:pt x="120" y="1035"/>
                  <a:pt x="120" y="1035"/>
                </a:cubicBezTo>
                <a:cubicBezTo>
                  <a:pt x="126" y="1042"/>
                  <a:pt x="126" y="1042"/>
                  <a:pt x="126" y="1042"/>
                </a:cubicBezTo>
                <a:cubicBezTo>
                  <a:pt x="126" y="1042"/>
                  <a:pt x="120" y="1042"/>
                  <a:pt x="120" y="1035"/>
                </a:cubicBezTo>
                <a:close/>
                <a:moveTo>
                  <a:pt x="308" y="1124"/>
                </a:moveTo>
                <a:cubicBezTo>
                  <a:pt x="308" y="1124"/>
                  <a:pt x="308" y="1124"/>
                  <a:pt x="308" y="1124"/>
                </a:cubicBezTo>
                <a:cubicBezTo>
                  <a:pt x="302" y="1124"/>
                  <a:pt x="302" y="1124"/>
                  <a:pt x="302" y="1124"/>
                </a:cubicBezTo>
                <a:cubicBezTo>
                  <a:pt x="277" y="1111"/>
                  <a:pt x="277" y="1111"/>
                  <a:pt x="277" y="1111"/>
                </a:cubicBezTo>
                <a:cubicBezTo>
                  <a:pt x="289" y="1111"/>
                  <a:pt x="295" y="1124"/>
                  <a:pt x="302" y="1124"/>
                </a:cubicBezTo>
                <a:cubicBezTo>
                  <a:pt x="289" y="1111"/>
                  <a:pt x="289" y="1111"/>
                  <a:pt x="289" y="1111"/>
                </a:cubicBezTo>
                <a:cubicBezTo>
                  <a:pt x="289" y="1124"/>
                  <a:pt x="289" y="1124"/>
                  <a:pt x="289" y="1124"/>
                </a:cubicBezTo>
                <a:cubicBezTo>
                  <a:pt x="302" y="1124"/>
                  <a:pt x="302" y="1124"/>
                  <a:pt x="302" y="1124"/>
                </a:cubicBezTo>
                <a:cubicBezTo>
                  <a:pt x="308" y="1124"/>
                  <a:pt x="308" y="1124"/>
                  <a:pt x="308" y="1124"/>
                </a:cubicBezTo>
                <a:cubicBezTo>
                  <a:pt x="308" y="1124"/>
                  <a:pt x="308" y="1124"/>
                  <a:pt x="308" y="1124"/>
                </a:cubicBezTo>
                <a:close/>
                <a:moveTo>
                  <a:pt x="396" y="1149"/>
                </a:moveTo>
                <a:cubicBezTo>
                  <a:pt x="408" y="1149"/>
                  <a:pt x="408" y="1149"/>
                  <a:pt x="408" y="1149"/>
                </a:cubicBezTo>
                <a:cubicBezTo>
                  <a:pt x="402" y="1149"/>
                  <a:pt x="402" y="1149"/>
                  <a:pt x="390" y="1143"/>
                </a:cubicBezTo>
                <a:cubicBezTo>
                  <a:pt x="396" y="1149"/>
                  <a:pt x="396" y="1149"/>
                  <a:pt x="396" y="1149"/>
                </a:cubicBezTo>
                <a:close/>
                <a:moveTo>
                  <a:pt x="415" y="1149"/>
                </a:moveTo>
                <a:cubicBezTo>
                  <a:pt x="415" y="1149"/>
                  <a:pt x="415" y="1149"/>
                  <a:pt x="408" y="1149"/>
                </a:cubicBezTo>
                <a:cubicBezTo>
                  <a:pt x="415" y="1149"/>
                  <a:pt x="415" y="1149"/>
                  <a:pt x="415" y="1149"/>
                </a:cubicBezTo>
                <a:close/>
                <a:moveTo>
                  <a:pt x="88" y="1003"/>
                </a:moveTo>
                <a:cubicBezTo>
                  <a:pt x="82" y="1003"/>
                  <a:pt x="82" y="1003"/>
                  <a:pt x="76" y="997"/>
                </a:cubicBezTo>
                <a:cubicBezTo>
                  <a:pt x="82" y="1003"/>
                  <a:pt x="82" y="1003"/>
                  <a:pt x="88" y="1003"/>
                </a:cubicBezTo>
                <a:close/>
                <a:moveTo>
                  <a:pt x="986" y="1143"/>
                </a:moveTo>
                <a:cubicBezTo>
                  <a:pt x="998" y="1137"/>
                  <a:pt x="998" y="1137"/>
                  <a:pt x="998" y="1137"/>
                </a:cubicBezTo>
                <a:cubicBezTo>
                  <a:pt x="973" y="1143"/>
                  <a:pt x="973" y="1143"/>
                  <a:pt x="973" y="1143"/>
                </a:cubicBezTo>
                <a:cubicBezTo>
                  <a:pt x="986" y="1143"/>
                  <a:pt x="986" y="1143"/>
                  <a:pt x="986" y="1143"/>
                </a:cubicBezTo>
                <a:close/>
              </a:path>
            </a:pathLst>
          </a:custGeom>
          <a:solidFill>
            <a:srgbClr val="CC0000"/>
          </a:solidFill>
          <a:ln>
            <a:noFill/>
          </a:ln>
          <a:extLst>
            <a:ext uri="{91240B29-F687-4F45-9708-019B960494DF}">
              <a14:hiddenLine xmlns:a14="http://schemas.microsoft.com/office/drawing/2010/main" w="0">
                <a:solidFill>
                  <a:srgbClr val="000000"/>
                </a:solidFill>
                <a:prstDash val="solid"/>
                <a:round/>
                <a:headEnd/>
                <a:tailEnd/>
              </a14:hiddenLine>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00666340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extBox 15">
            <a:extLst>
              <a:ext uri="{FF2B5EF4-FFF2-40B4-BE49-F238E27FC236}">
                <a16:creationId xmlns:a16="http://schemas.microsoft.com/office/drawing/2014/main" id="{D48DE546-A74E-42EC-B119-BD529C123D82}"/>
              </a:ext>
            </a:extLst>
          </p:cNvPr>
          <p:cNvSpPr txBox="1"/>
          <p:nvPr/>
        </p:nvSpPr>
        <p:spPr>
          <a:xfrm>
            <a:off x="990600" y="1351002"/>
            <a:ext cx="6858000" cy="553998"/>
          </a:xfrm>
          <a:prstGeom prst="rect">
            <a:avLst/>
          </a:prstGeom>
          <a:solidFill>
            <a:schemeClr val="accent1">
              <a:lumMod val="40000"/>
              <a:lumOff val="6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3000" b="1" i="0" u="none" strike="noStrike" kern="1200" cap="none" spc="0" normalizeH="0" baseline="0" noProof="0" dirty="0">
                <a:ln>
                  <a:noFill/>
                </a:ln>
                <a:solidFill>
                  <a:prstClr val="black"/>
                </a:solidFill>
                <a:effectLst/>
                <a:uLnTx/>
                <a:uFillTx/>
                <a:latin typeface="Calibri"/>
                <a:ea typeface="+mn-ea"/>
                <a:cs typeface="+mn-cs"/>
              </a:rPr>
              <a:t>Action </a:t>
            </a:r>
          </a:p>
        </p:txBody>
      </p:sp>
      <p:sp>
        <p:nvSpPr>
          <p:cNvPr id="2" name="Title 1">
            <a:extLst>
              <a:ext uri="{FF2B5EF4-FFF2-40B4-BE49-F238E27FC236}">
                <a16:creationId xmlns:a16="http://schemas.microsoft.com/office/drawing/2014/main" id="{7C2C33B3-0646-4773-BB81-C0BFEA52CD26}"/>
              </a:ext>
            </a:extLst>
          </p:cNvPr>
          <p:cNvSpPr>
            <a:spLocks noGrp="1"/>
          </p:cNvSpPr>
          <p:nvPr>
            <p:ph type="title"/>
          </p:nvPr>
        </p:nvSpPr>
        <p:spPr>
          <a:xfrm>
            <a:off x="3136583" y="264021"/>
            <a:ext cx="5745169" cy="553998"/>
          </a:xfrm>
        </p:spPr>
        <p:txBody>
          <a:bodyPr/>
          <a:lstStyle/>
          <a:p>
            <a:pPr rtl="0" eaLnBrk="1" fontAlgn="auto" latinLnBrk="0" hangingPunct="1"/>
            <a:r>
              <a:rPr lang="en-US" sz="3200" b="1" i="0" kern="1200" spc="0" baseline="0" dirty="0">
                <a:ln>
                  <a:noFill/>
                </a:ln>
                <a:solidFill>
                  <a:schemeClr val="bg1"/>
                </a:solidFill>
                <a:effectLst/>
                <a:latin typeface="Calibri" panose="020F0502020204030204" pitchFamily="34" charset="0"/>
                <a:ea typeface="+mn-ea"/>
                <a:cs typeface="+mn-cs"/>
              </a:rPr>
              <a:t>Our work informed opportunities</a:t>
            </a:r>
            <a:endParaRPr lang="en-US" sz="3200" b="1" dirty="0">
              <a:solidFill>
                <a:schemeClr val="bg1"/>
              </a:solidFill>
              <a:effectLst/>
            </a:endParaRPr>
          </a:p>
          <a:p>
            <a:endParaRPr lang="en-US" sz="3200" b="1" dirty="0">
              <a:solidFill>
                <a:schemeClr val="bg1"/>
              </a:solidFill>
            </a:endParaRPr>
          </a:p>
        </p:txBody>
      </p:sp>
      <p:sp>
        <p:nvSpPr>
          <p:cNvPr id="4" name="Slide Number Placeholder 3">
            <a:extLst>
              <a:ext uri="{FF2B5EF4-FFF2-40B4-BE49-F238E27FC236}">
                <a16:creationId xmlns:a16="http://schemas.microsoft.com/office/drawing/2014/main" id="{6AB283DF-28A1-4640-AD61-22E05BC0FF27}"/>
              </a:ext>
            </a:extLst>
          </p:cNvPr>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A98D0A5D-4805-4627-8384-EBB39169728C}"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13</a:t>
            </a:fld>
            <a:endParaRPr kumimoji="0" lang="en-US" sz="1800" b="0" i="0" u="none" strike="noStrike" kern="1200" cap="none" spc="0" normalizeH="0" baseline="0" noProof="0">
              <a:ln>
                <a:noFill/>
              </a:ln>
              <a:solidFill>
                <a:srgbClr val="FFFFFF"/>
              </a:solidFill>
              <a:effectLst/>
              <a:uLnTx/>
              <a:uFillTx/>
              <a:latin typeface="Calibri"/>
              <a:ea typeface="+mn-ea"/>
              <a:cs typeface="+mn-cs"/>
            </a:endParaRPr>
          </a:p>
        </p:txBody>
      </p:sp>
      <p:sp>
        <p:nvSpPr>
          <p:cNvPr id="7" name="Rectangle 6">
            <a:extLst>
              <a:ext uri="{FF2B5EF4-FFF2-40B4-BE49-F238E27FC236}">
                <a16:creationId xmlns:a16="http://schemas.microsoft.com/office/drawing/2014/main" id="{FF2C2C79-242D-457C-BE4B-6F0B16F52451}"/>
              </a:ext>
            </a:extLst>
          </p:cNvPr>
          <p:cNvSpPr/>
          <p:nvPr/>
        </p:nvSpPr>
        <p:spPr>
          <a:xfrm>
            <a:off x="665438" y="2136369"/>
            <a:ext cx="2264736" cy="923330"/>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Transform HR practices </a:t>
            </a:r>
            <a:r>
              <a:rPr kumimoji="0" lang="en-US" sz="1400" b="1" i="0" u="none" strike="noStrike" kern="1200" cap="none" spc="0" normalizeH="0" baseline="0" noProof="0" dirty="0">
                <a:ln>
                  <a:noFill/>
                </a:ln>
                <a:effectLst/>
                <a:uLnTx/>
                <a:uFillTx/>
                <a:latin typeface="Calibri"/>
                <a:ea typeface="+mn-ea"/>
                <a:cs typeface="+mn-cs"/>
              </a:rPr>
              <a:t>(certifications, employee referrals, etc.) </a:t>
            </a:r>
            <a:endParaRPr kumimoji="0" lang="en-US" sz="1400" b="0" i="0" u="none" strike="noStrike" kern="1200" cap="none" spc="0" normalizeH="0" baseline="0" noProof="0" dirty="0">
              <a:ln>
                <a:noFill/>
              </a:ln>
              <a:effectLst/>
              <a:uLnTx/>
              <a:uFillTx/>
              <a:latin typeface="Calibri"/>
              <a:ea typeface="+mn-ea"/>
              <a:cs typeface="+mn-cs"/>
            </a:endParaRPr>
          </a:p>
        </p:txBody>
      </p:sp>
      <p:sp>
        <p:nvSpPr>
          <p:cNvPr id="8" name="Rectangle 7">
            <a:extLst>
              <a:ext uri="{FF2B5EF4-FFF2-40B4-BE49-F238E27FC236}">
                <a16:creationId xmlns:a16="http://schemas.microsoft.com/office/drawing/2014/main" id="{21E29B0F-E183-4A0F-BDE4-CDCFD2EFE0A9}"/>
              </a:ext>
            </a:extLst>
          </p:cNvPr>
          <p:cNvSpPr/>
          <p:nvPr/>
        </p:nvSpPr>
        <p:spPr>
          <a:xfrm>
            <a:off x="2500286" y="3185646"/>
            <a:ext cx="3657600"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Improve technology for job seekers</a:t>
            </a:r>
            <a:endParaRPr kumimoji="0" lang="en-US" sz="2000" b="0" i="0" u="none" strike="noStrike" kern="1200" cap="none" spc="0" normalizeH="0" baseline="0" noProof="0" dirty="0">
              <a:ln>
                <a:noFill/>
              </a:ln>
              <a:effectLst/>
              <a:uLnTx/>
              <a:uFillTx/>
              <a:latin typeface="Calibri"/>
              <a:ea typeface="+mn-ea"/>
              <a:cs typeface="+mn-cs"/>
            </a:endParaRPr>
          </a:p>
        </p:txBody>
      </p:sp>
      <p:sp>
        <p:nvSpPr>
          <p:cNvPr id="9" name="Rectangle 8">
            <a:extLst>
              <a:ext uri="{FF2B5EF4-FFF2-40B4-BE49-F238E27FC236}">
                <a16:creationId xmlns:a16="http://schemas.microsoft.com/office/drawing/2014/main" id="{AC05425B-5F44-4C40-AD14-3E0783857208}"/>
              </a:ext>
            </a:extLst>
          </p:cNvPr>
          <p:cNvSpPr/>
          <p:nvPr/>
        </p:nvSpPr>
        <p:spPr>
          <a:xfrm>
            <a:off x="3352800" y="2244091"/>
            <a:ext cx="2133600"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Establish model companies</a:t>
            </a:r>
            <a:endParaRPr kumimoji="0" lang="en-US" sz="2000" b="0" i="0" u="none" strike="noStrike" kern="1200" cap="none" spc="0" normalizeH="0" baseline="0" noProof="0" dirty="0">
              <a:ln>
                <a:noFill/>
              </a:ln>
              <a:effectLst/>
              <a:uLnTx/>
              <a:uFillTx/>
              <a:latin typeface="Calibri"/>
              <a:ea typeface="+mn-ea"/>
              <a:cs typeface="+mn-cs"/>
            </a:endParaRPr>
          </a:p>
        </p:txBody>
      </p:sp>
      <p:sp>
        <p:nvSpPr>
          <p:cNvPr id="17" name="Rectangle 16">
            <a:extLst>
              <a:ext uri="{FF2B5EF4-FFF2-40B4-BE49-F238E27FC236}">
                <a16:creationId xmlns:a16="http://schemas.microsoft.com/office/drawing/2014/main" id="{4CDC9CE9-7567-459C-B6F3-0A7F55190B66}"/>
              </a:ext>
            </a:extLst>
          </p:cNvPr>
          <p:cNvSpPr/>
          <p:nvPr/>
        </p:nvSpPr>
        <p:spPr>
          <a:xfrm>
            <a:off x="5715000" y="2263914"/>
            <a:ext cx="2264736"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Build on current communities</a:t>
            </a:r>
            <a:endParaRPr kumimoji="0" lang="en-US" sz="2000" b="0" i="0" u="none" strike="noStrike" kern="1200" cap="none" spc="0" normalizeH="0" baseline="0" noProof="0" dirty="0">
              <a:ln>
                <a:noFill/>
              </a:ln>
              <a:effectLst/>
              <a:uLnTx/>
              <a:uFillTx/>
              <a:latin typeface="Calibri"/>
              <a:ea typeface="+mn-ea"/>
              <a:cs typeface="+mn-cs"/>
            </a:endParaRPr>
          </a:p>
        </p:txBody>
      </p:sp>
      <p:sp>
        <p:nvSpPr>
          <p:cNvPr id="18" name="TextBox 17">
            <a:extLst>
              <a:ext uri="{FF2B5EF4-FFF2-40B4-BE49-F238E27FC236}">
                <a16:creationId xmlns:a16="http://schemas.microsoft.com/office/drawing/2014/main" id="{EAFEFE54-4802-4148-944D-0E7C22808962}"/>
              </a:ext>
            </a:extLst>
          </p:cNvPr>
          <p:cNvSpPr txBox="1"/>
          <p:nvPr/>
        </p:nvSpPr>
        <p:spPr>
          <a:xfrm>
            <a:off x="990600" y="5008602"/>
            <a:ext cx="6858000" cy="553998"/>
          </a:xfrm>
          <a:prstGeom prst="rect">
            <a:avLst/>
          </a:prstGeom>
          <a:solidFill>
            <a:schemeClr val="accent3">
              <a:lumMod val="40000"/>
              <a:lumOff val="6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3000" b="1" i="0" u="none" strike="noStrike" kern="1200" cap="none" spc="0" normalizeH="0" baseline="0" noProof="0" dirty="0">
                <a:ln>
                  <a:noFill/>
                </a:ln>
                <a:solidFill>
                  <a:prstClr val="black"/>
                </a:solidFill>
                <a:effectLst/>
                <a:uLnTx/>
                <a:uFillTx/>
                <a:latin typeface="Calibri"/>
                <a:ea typeface="+mn-ea"/>
                <a:cs typeface="+mn-cs"/>
              </a:rPr>
              <a:t>Learning</a:t>
            </a:r>
          </a:p>
        </p:txBody>
      </p:sp>
      <p:sp>
        <p:nvSpPr>
          <p:cNvPr id="19" name="TextBox 18">
            <a:extLst>
              <a:ext uri="{FF2B5EF4-FFF2-40B4-BE49-F238E27FC236}">
                <a16:creationId xmlns:a16="http://schemas.microsoft.com/office/drawing/2014/main" id="{F2A196D6-E651-4954-8D7A-F9E8F5AEE1AE}"/>
              </a:ext>
            </a:extLst>
          </p:cNvPr>
          <p:cNvSpPr txBox="1"/>
          <p:nvPr/>
        </p:nvSpPr>
        <p:spPr>
          <a:xfrm>
            <a:off x="1371600" y="5691257"/>
            <a:ext cx="2674052" cy="707886"/>
          </a:xfrm>
          <a:prstGeom prst="rect">
            <a:avLst/>
          </a:prstGeom>
          <a:solidFill>
            <a:schemeClr val="accent3"/>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Increase knowledge of the pipeline</a:t>
            </a:r>
            <a:endParaRPr kumimoji="0" lang="en-US" sz="1400" b="1" i="0" u="none" strike="noStrike" kern="1200" cap="none" spc="0" normalizeH="0" baseline="0" noProof="0" dirty="0">
              <a:ln>
                <a:noFill/>
              </a:ln>
              <a:effectLst/>
              <a:uLnTx/>
              <a:uFillTx/>
              <a:latin typeface="Calibri"/>
              <a:ea typeface="+mn-ea"/>
              <a:cs typeface="+mn-cs"/>
            </a:endParaRPr>
          </a:p>
        </p:txBody>
      </p:sp>
      <p:sp>
        <p:nvSpPr>
          <p:cNvPr id="20" name="TextBox 19">
            <a:extLst>
              <a:ext uri="{FF2B5EF4-FFF2-40B4-BE49-F238E27FC236}">
                <a16:creationId xmlns:a16="http://schemas.microsoft.com/office/drawing/2014/main" id="{8F58647A-C699-4E6E-B6C4-6BBF380B05B4}"/>
              </a:ext>
            </a:extLst>
          </p:cNvPr>
          <p:cNvSpPr txBox="1"/>
          <p:nvPr/>
        </p:nvSpPr>
        <p:spPr>
          <a:xfrm>
            <a:off x="4572000" y="5691257"/>
            <a:ext cx="2674052" cy="707886"/>
          </a:xfrm>
          <a:prstGeom prst="rect">
            <a:avLst/>
          </a:prstGeom>
          <a:solidFill>
            <a:schemeClr val="accent3"/>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Increase knowledge of policy levers</a:t>
            </a:r>
            <a:endParaRPr kumimoji="0" lang="en-US" sz="1400" b="0" i="0" u="none" strike="noStrike" kern="1200" cap="none" spc="0" normalizeH="0" baseline="0" noProof="0" dirty="0">
              <a:ln>
                <a:noFill/>
              </a:ln>
              <a:effectLst/>
              <a:uLnTx/>
              <a:uFillTx/>
              <a:latin typeface="Calibri"/>
              <a:ea typeface="+mn-ea"/>
              <a:cs typeface="+mn-cs"/>
            </a:endParaRPr>
          </a:p>
        </p:txBody>
      </p:sp>
      <p:sp>
        <p:nvSpPr>
          <p:cNvPr id="13" name="Rectangle 12">
            <a:extLst>
              <a:ext uri="{FF2B5EF4-FFF2-40B4-BE49-F238E27FC236}">
                <a16:creationId xmlns:a16="http://schemas.microsoft.com/office/drawing/2014/main" id="{4F5B9AFF-9A52-4F49-BD40-532714F6E454}"/>
              </a:ext>
            </a:extLst>
          </p:cNvPr>
          <p:cNvSpPr/>
          <p:nvPr/>
        </p:nvSpPr>
        <p:spPr>
          <a:xfrm>
            <a:off x="4876800" y="3982824"/>
            <a:ext cx="2264736"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Company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Cohorts</a:t>
            </a:r>
          </a:p>
        </p:txBody>
      </p:sp>
      <p:sp>
        <p:nvSpPr>
          <p:cNvPr id="15" name="Rectangle 14">
            <a:extLst>
              <a:ext uri="{FF2B5EF4-FFF2-40B4-BE49-F238E27FC236}">
                <a16:creationId xmlns:a16="http://schemas.microsoft.com/office/drawing/2014/main" id="{F19F77B9-AB5C-4810-AFA4-CEAC08B9175B}"/>
              </a:ext>
            </a:extLst>
          </p:cNvPr>
          <p:cNvSpPr/>
          <p:nvPr/>
        </p:nvSpPr>
        <p:spPr>
          <a:xfrm>
            <a:off x="1697664" y="3997307"/>
            <a:ext cx="2264736" cy="707886"/>
          </a:xfrm>
          <a:prstGeom prst="rect">
            <a:avLst/>
          </a:prstGeom>
          <a:solidFill>
            <a:schemeClr val="accent1">
              <a:lumMod val="75000"/>
            </a:schemeClr>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DIY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000" b="1" i="0" u="none" strike="noStrike" kern="1200" cap="none" spc="0" normalizeH="0" baseline="0" noProof="0" dirty="0">
                <a:ln>
                  <a:noFill/>
                </a:ln>
                <a:effectLst/>
                <a:uLnTx/>
                <a:uFillTx/>
                <a:latin typeface="Calibri"/>
                <a:ea typeface="+mn-ea"/>
                <a:cs typeface="+mn-cs"/>
              </a:rPr>
              <a:t>Guide</a:t>
            </a:r>
          </a:p>
        </p:txBody>
      </p:sp>
    </p:spTree>
    <p:extLst>
      <p:ext uri="{BB962C8B-B14F-4D97-AF65-F5344CB8AC3E}">
        <p14:creationId xmlns:p14="http://schemas.microsoft.com/office/powerpoint/2010/main" val="3151735836"/>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Shape 318"/>
        <p:cNvGrpSpPr/>
        <p:nvPr/>
      </p:nvGrpSpPr>
      <p:grpSpPr>
        <a:xfrm>
          <a:off x="0" y="0"/>
          <a:ext cx="0" cy="0"/>
          <a:chOff x="0" y="0"/>
          <a:chExt cx="0" cy="0"/>
        </a:xfrm>
      </p:grpSpPr>
      <p:sp>
        <p:nvSpPr>
          <p:cNvPr id="319" name="Google Shape;319;p41"/>
          <p:cNvSpPr txBox="1">
            <a:spLocks noGrp="1"/>
          </p:cNvSpPr>
          <p:nvPr>
            <p:ph type="title" idx="4294967295"/>
          </p:nvPr>
        </p:nvSpPr>
        <p:spPr>
          <a:xfrm>
            <a:off x="3764357" y="195263"/>
            <a:ext cx="5379643" cy="996974"/>
          </a:xfrm>
          <a:prstGeom prst="rect">
            <a:avLst/>
          </a:prstGeom>
          <a:noFill/>
          <a:ln>
            <a:noFill/>
          </a:ln>
        </p:spPr>
        <p:txBody>
          <a:bodyPr spcFirstLastPara="1" wrap="square" lIns="0" tIns="0" rIns="0" bIns="0" anchor="t" anchorCtr="0">
            <a:noAutofit/>
          </a:bodyPr>
          <a:lstStyle/>
          <a:p>
            <a:pPr marL="0" marR="0" lvl="0" indent="0" rtl="0">
              <a:spcBef>
                <a:spcPts val="0"/>
              </a:spcBef>
              <a:spcAft>
                <a:spcPts val="0"/>
              </a:spcAft>
              <a:buNone/>
            </a:pPr>
            <a:r>
              <a:rPr lang="en-US" sz="3200" b="1" dirty="0">
                <a:solidFill>
                  <a:schemeClr val="lt1"/>
                </a:solidFill>
                <a:latin typeface="Calibri" panose="020F0502020204030204" pitchFamily="34" charset="0"/>
                <a:ea typeface="Libre Baskerville"/>
                <a:cs typeface="Calibri" panose="020F0502020204030204" pitchFamily="34" charset="0"/>
                <a:sym typeface="Libre Baskerville"/>
              </a:rPr>
              <a:t>Examples: </a:t>
            </a:r>
            <a: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t>The Ford Foundation </a:t>
            </a:r>
            <a:r>
              <a:rPr lang="en-US" sz="3200" b="1" dirty="0">
                <a:solidFill>
                  <a:schemeClr val="lt1"/>
                </a:solidFill>
                <a:latin typeface="Calibri" panose="020F0502020204030204" pitchFamily="34" charset="0"/>
                <a:ea typeface="Libre Baskerville"/>
                <a:cs typeface="Calibri" panose="020F0502020204030204" pitchFamily="34" charset="0"/>
                <a:sym typeface="Libre Baskerville"/>
              </a:rPr>
              <a:t>Includes</a:t>
            </a:r>
            <a: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t> </a:t>
            </a:r>
            <a:r>
              <a:rPr lang="en-US" sz="3200" b="1" dirty="0">
                <a:solidFill>
                  <a:schemeClr val="lt1"/>
                </a:solidFill>
                <a:latin typeface="Calibri" panose="020F0502020204030204" pitchFamily="34" charset="0"/>
                <a:ea typeface="Libre Baskerville"/>
                <a:cs typeface="Calibri" panose="020F0502020204030204" pitchFamily="34" charset="0"/>
                <a:sym typeface="Libre Baskerville"/>
              </a:rPr>
              <a:t>D</a:t>
            </a:r>
            <a: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t>isability</a:t>
            </a:r>
            <a:endParaRPr sz="3200" b="1" dirty="0">
              <a:latin typeface="Calibri" panose="020F0502020204030204" pitchFamily="34" charset="0"/>
              <a:cs typeface="Calibri" panose="020F0502020204030204" pitchFamily="34" charset="0"/>
            </a:endParaRPr>
          </a:p>
        </p:txBody>
      </p:sp>
      <p:sp>
        <p:nvSpPr>
          <p:cNvPr id="320" name="Google Shape;320;p41"/>
          <p:cNvSpPr/>
          <p:nvPr/>
        </p:nvSpPr>
        <p:spPr>
          <a:xfrm>
            <a:off x="5710320" y="1192237"/>
            <a:ext cx="3149835" cy="6186309"/>
          </a:xfrm>
          <a:prstGeom prst="rect">
            <a:avLst/>
          </a:prstGeom>
          <a:noFill/>
          <a:ln>
            <a:noFill/>
          </a:ln>
        </p:spPr>
        <p:txBody>
          <a:bodyPr spcFirstLastPara="1" wrap="square" lIns="91425" tIns="45700" rIns="91425" bIns="45700" anchor="t" anchorCtr="0">
            <a:noAutofit/>
          </a:bodyPr>
          <a:lstStyle/>
          <a:p>
            <a:pPr marL="285750" marR="0" lvl="0" indent="-285750" algn="l" rtl="0">
              <a:spcBef>
                <a:spcPts val="0"/>
              </a:spcBef>
              <a:spcAft>
                <a:spcPts val="0"/>
              </a:spcAft>
              <a:buClr>
                <a:schemeClr val="dk1"/>
              </a:buClr>
              <a:buSzPts val="1800"/>
              <a:buFont typeface="Noto Sans Symbols"/>
              <a:buChar char="❖"/>
            </a:pPr>
            <a:r>
              <a:rPr lang="en-US" sz="1560" dirty="0">
                <a:solidFill>
                  <a:schemeClr val="dk1"/>
                </a:solidFill>
                <a:latin typeface="Libre Baskerville" panose="020B0604020202020204" charset="0"/>
                <a:ea typeface="Libre Baskerville"/>
                <a:cs typeface="Libre Baskerville"/>
                <a:sym typeface="Libre Baskerville"/>
              </a:rPr>
              <a:t>The Ford Foundation has recently added the disability lens to their work </a:t>
            </a:r>
            <a:r>
              <a:rPr lang="en-US" sz="1560" u="sng" dirty="0">
                <a:solidFill>
                  <a:schemeClr val="hlink"/>
                </a:solidFill>
                <a:latin typeface="Libre Baskerville" panose="020B0604020202020204" charset="0"/>
                <a:ea typeface="Libre Baskerville"/>
                <a:cs typeface="Libre Baskerville"/>
                <a:sym typeface="Libre Baskerville"/>
                <a:hlinkClick r:id="rId3"/>
              </a:rPr>
              <a:t>http://bit.ly/2jOl3FL</a:t>
            </a:r>
            <a:r>
              <a:rPr lang="en-US" sz="1560" dirty="0">
                <a:solidFill>
                  <a:schemeClr val="dk1"/>
                </a:solidFill>
                <a:latin typeface="Libre Baskerville" panose="020B0604020202020204" charset="0"/>
                <a:ea typeface="Libre Baskerville"/>
                <a:cs typeface="Libre Baskerville"/>
                <a:sym typeface="Libre Baskerville"/>
              </a:rPr>
              <a:t> </a:t>
            </a:r>
            <a:endParaRPr sz="1560" dirty="0">
              <a:latin typeface="Libre Baskerville" panose="020B0604020202020204" charset="0"/>
            </a:endParaRPr>
          </a:p>
          <a:p>
            <a:pPr marL="285750" marR="0" lvl="0" indent="-285750" algn="l" rtl="0">
              <a:spcBef>
                <a:spcPts val="0"/>
              </a:spcBef>
              <a:spcAft>
                <a:spcPts val="0"/>
              </a:spcAft>
              <a:buClr>
                <a:schemeClr val="dk1"/>
              </a:buClr>
              <a:buSzPts val="1800"/>
              <a:buFont typeface="Noto Sans Symbols"/>
              <a:buChar char="❖"/>
            </a:pPr>
            <a:r>
              <a:rPr lang="en-US" sz="1560" dirty="0">
                <a:solidFill>
                  <a:schemeClr val="dk1"/>
                </a:solidFill>
                <a:latin typeface="Libre Baskerville" panose="020B0604020202020204" charset="0"/>
                <a:ea typeface="Libre Baskerville"/>
                <a:cs typeface="Libre Baskerville"/>
                <a:sym typeface="Libre Baskerville"/>
              </a:rPr>
              <a:t>Additionally, Ford’s CEO Darren Walker spoke extensively on why this impacts other funders as well: </a:t>
            </a:r>
            <a:r>
              <a:rPr lang="en-US" sz="1560" u="sng" dirty="0">
                <a:solidFill>
                  <a:schemeClr val="hlink"/>
                </a:solidFill>
                <a:latin typeface="Libre Baskerville" panose="020B0604020202020204" charset="0"/>
                <a:ea typeface="Libre Baskerville"/>
                <a:cs typeface="Libre Baskerville"/>
                <a:sym typeface="Libre Baskerville"/>
                <a:hlinkClick r:id="rId4"/>
              </a:rPr>
              <a:t>http://bit.ly/2nr4moJ</a:t>
            </a:r>
            <a:r>
              <a:rPr lang="en-US" sz="1560" dirty="0">
                <a:solidFill>
                  <a:schemeClr val="dk1"/>
                </a:solidFill>
                <a:latin typeface="Libre Baskerville" panose="020B0604020202020204" charset="0"/>
                <a:ea typeface="Libre Baskerville"/>
                <a:cs typeface="Libre Baskerville"/>
                <a:sym typeface="Libre Baskerville"/>
              </a:rPr>
              <a:t> </a:t>
            </a:r>
            <a:endParaRPr sz="1560" dirty="0">
              <a:latin typeface="Libre Baskerville" panose="020B0604020202020204" charset="0"/>
            </a:endParaRPr>
          </a:p>
          <a:p>
            <a:pPr marL="285750" marR="0" lvl="0" indent="-285750" algn="l" rtl="0">
              <a:spcBef>
                <a:spcPts val="0"/>
              </a:spcBef>
              <a:spcAft>
                <a:spcPts val="0"/>
              </a:spcAft>
              <a:buClr>
                <a:schemeClr val="dk1"/>
              </a:buClr>
              <a:buSzPts val="1800"/>
              <a:buFont typeface="Noto Sans Symbols"/>
              <a:buChar char="❖"/>
            </a:pPr>
            <a:r>
              <a:rPr lang="en-US" sz="1560" dirty="0">
                <a:solidFill>
                  <a:schemeClr val="dk1"/>
                </a:solidFill>
                <a:latin typeface="Libre Baskerville" panose="020B0604020202020204" charset="0"/>
                <a:ea typeface="Libre Baskerville"/>
                <a:cs typeface="Libre Baskerville"/>
                <a:sym typeface="Libre Baskerville"/>
              </a:rPr>
              <a:t>Here is Darren Walker’s original letter:  </a:t>
            </a:r>
            <a:r>
              <a:rPr lang="en-US" sz="1560" u="sng" dirty="0">
                <a:solidFill>
                  <a:schemeClr val="hlink"/>
                </a:solidFill>
                <a:latin typeface="Libre Baskerville" panose="020B0604020202020204" charset="0"/>
                <a:ea typeface="Libre Baskerville"/>
                <a:cs typeface="Libre Baskerville"/>
                <a:sym typeface="Libre Baskerville"/>
                <a:hlinkClick r:id="rId5"/>
              </a:rPr>
              <a:t>http://bit.ly/2Bxy0Lk</a:t>
            </a:r>
            <a:r>
              <a:rPr lang="en-US" sz="1560" dirty="0">
                <a:solidFill>
                  <a:schemeClr val="dk1"/>
                </a:solidFill>
                <a:latin typeface="Libre Baskerville" panose="020B0604020202020204" charset="0"/>
                <a:ea typeface="Libre Baskerville"/>
                <a:cs typeface="Libre Baskerville"/>
                <a:sym typeface="Libre Baskerville"/>
              </a:rPr>
              <a:t> </a:t>
            </a:r>
            <a:endParaRPr sz="1560" dirty="0">
              <a:latin typeface="Libre Baskerville" panose="020B0604020202020204" charset="0"/>
            </a:endParaRPr>
          </a:p>
          <a:p>
            <a:pPr marL="285750" marR="0" lvl="0" indent="-285750" algn="l" rtl="0">
              <a:spcBef>
                <a:spcPts val="0"/>
              </a:spcBef>
              <a:spcAft>
                <a:spcPts val="0"/>
              </a:spcAft>
              <a:buClr>
                <a:schemeClr val="dk1"/>
              </a:buClr>
              <a:buSzPts val="1800"/>
              <a:buFont typeface="Noto Sans Symbols"/>
              <a:buChar char="❖"/>
            </a:pPr>
            <a:r>
              <a:rPr lang="en-US" sz="1560" dirty="0">
                <a:solidFill>
                  <a:schemeClr val="dk1"/>
                </a:solidFill>
                <a:latin typeface="Libre Baskerville" panose="020B0604020202020204" charset="0"/>
                <a:ea typeface="Libre Baskerville"/>
                <a:cs typeface="Libre Baskerville"/>
                <a:sym typeface="Libre Baskerville"/>
              </a:rPr>
              <a:t>This is the response of the co-authors of the Americans with Disabilities Act: </a:t>
            </a:r>
            <a:r>
              <a:rPr lang="en-US" sz="1560" u="sng" dirty="0">
                <a:solidFill>
                  <a:schemeClr val="hlink"/>
                </a:solidFill>
                <a:latin typeface="Libre Baskerville" panose="020B0604020202020204" charset="0"/>
                <a:ea typeface="Libre Baskerville"/>
                <a:cs typeface="Libre Baskerville"/>
                <a:sym typeface="Libre Baskerville"/>
                <a:hlinkClick r:id="rId6"/>
              </a:rPr>
              <a:t>http://bit.ly/2AueSyx</a:t>
            </a:r>
            <a:r>
              <a:rPr lang="en-US" sz="1560" dirty="0">
                <a:solidFill>
                  <a:schemeClr val="dk1"/>
                </a:solidFill>
                <a:latin typeface="Libre Baskerville" panose="020B0604020202020204" charset="0"/>
                <a:ea typeface="Libre Baskerville"/>
                <a:cs typeface="Libre Baskerville"/>
                <a:sym typeface="Libre Baskerville"/>
              </a:rPr>
              <a:t> </a:t>
            </a:r>
            <a:endParaRPr sz="1560" dirty="0">
              <a:latin typeface="Libre Baskerville" panose="020B0604020202020204" charset="0"/>
            </a:endParaRPr>
          </a:p>
          <a:p>
            <a:pPr marL="285750" marR="0" lvl="0" indent="-285750" algn="l" rtl="0">
              <a:spcBef>
                <a:spcPts val="0"/>
              </a:spcBef>
              <a:spcAft>
                <a:spcPts val="0"/>
              </a:spcAft>
              <a:buClr>
                <a:schemeClr val="dk1"/>
              </a:buClr>
              <a:buSzPts val="1800"/>
              <a:buFont typeface="Noto Sans Symbols"/>
              <a:buChar char="❖"/>
            </a:pPr>
            <a:r>
              <a:rPr lang="en-US" sz="1560" dirty="0">
                <a:solidFill>
                  <a:schemeClr val="dk1"/>
                </a:solidFill>
                <a:latin typeface="Libre Baskerville" panose="020B0604020202020204" charset="0"/>
                <a:ea typeface="Libre Baskerville"/>
                <a:cs typeface="Libre Baskerville"/>
                <a:sym typeface="Libre Baskerville"/>
              </a:rPr>
              <a:t>Watch the Darren Walker-Sen. Tom Harkin interview on YouTube: </a:t>
            </a:r>
            <a:r>
              <a:rPr lang="en-US" sz="1560" u="sng" dirty="0">
                <a:solidFill>
                  <a:schemeClr val="hlink"/>
                </a:solidFill>
                <a:latin typeface="Libre Baskerville" panose="020B0604020202020204" charset="0"/>
                <a:ea typeface="Libre Baskerville"/>
                <a:cs typeface="Libre Baskerville"/>
                <a:sym typeface="Libre Baskerville"/>
                <a:hlinkClick r:id="rId7"/>
              </a:rPr>
              <a:t>http://bit.ly/2zrgFpE</a:t>
            </a:r>
            <a:r>
              <a:rPr lang="en-US" sz="1560" dirty="0">
                <a:solidFill>
                  <a:schemeClr val="dk1"/>
                </a:solidFill>
                <a:latin typeface="Libre Baskerville" panose="020B0604020202020204" charset="0"/>
                <a:ea typeface="Libre Baskerville"/>
                <a:cs typeface="Libre Baskerville"/>
                <a:sym typeface="Libre Baskerville"/>
              </a:rPr>
              <a:t> </a:t>
            </a:r>
            <a:endParaRPr sz="1560" dirty="0">
              <a:latin typeface="Libre Baskerville" panose="020B0604020202020204" charset="0"/>
            </a:endParaRPr>
          </a:p>
          <a:p>
            <a:pPr marL="285750" marR="0" lvl="0" indent="-171450" algn="l" rtl="0">
              <a:spcBef>
                <a:spcPts val="0"/>
              </a:spcBef>
              <a:spcAft>
                <a:spcPts val="0"/>
              </a:spcAft>
              <a:buClr>
                <a:schemeClr val="dk1"/>
              </a:buClr>
              <a:buSzPts val="1800"/>
              <a:buFont typeface="Noto Sans Symbols"/>
              <a:buNone/>
            </a:pPr>
            <a:endParaRPr sz="1560" dirty="0">
              <a:solidFill>
                <a:schemeClr val="dk1"/>
              </a:solidFill>
              <a:latin typeface="Libre Baskerville" panose="020B0604020202020204" charset="0"/>
              <a:ea typeface="Libre Baskerville"/>
              <a:cs typeface="Libre Baskerville"/>
              <a:sym typeface="Libre Baskerville"/>
            </a:endParaRPr>
          </a:p>
          <a:p>
            <a:pPr marL="285750" marR="0" lvl="0" indent="-171450" algn="l" rtl="0">
              <a:spcBef>
                <a:spcPts val="0"/>
              </a:spcBef>
              <a:spcAft>
                <a:spcPts val="0"/>
              </a:spcAft>
              <a:buClr>
                <a:schemeClr val="dk1"/>
              </a:buClr>
              <a:buSzPts val="1800"/>
              <a:buFont typeface="Noto Sans Symbols"/>
              <a:buNone/>
            </a:pPr>
            <a:endParaRPr sz="1560" dirty="0">
              <a:solidFill>
                <a:schemeClr val="dk1"/>
              </a:solidFill>
              <a:latin typeface="Libre Baskerville" panose="020B0604020202020204" charset="0"/>
              <a:ea typeface="Libre Baskerville"/>
              <a:cs typeface="Libre Baskerville"/>
              <a:sym typeface="Libre Baskerville"/>
            </a:endParaRPr>
          </a:p>
        </p:txBody>
      </p:sp>
      <p:sp>
        <p:nvSpPr>
          <p:cNvPr id="321" name="Google Shape;321;p41"/>
          <p:cNvSpPr txBox="1"/>
          <p:nvPr/>
        </p:nvSpPr>
        <p:spPr>
          <a:xfrm>
            <a:off x="6818891" y="6391878"/>
            <a:ext cx="2041264" cy="268852"/>
          </a:xfrm>
          <a:prstGeom prst="rect">
            <a:avLst/>
          </a:prstGeom>
          <a:noFill/>
          <a:ln>
            <a:noFill/>
          </a:ln>
        </p:spPr>
        <p:txBody>
          <a:bodyPr spcFirstLastPara="1" wrap="square" lIns="0" tIns="0" rIns="0" bIns="0" anchor="t" anchorCtr="0">
            <a:noAutofit/>
          </a:bodyPr>
          <a:lstStyle/>
          <a:p>
            <a:pPr marL="0" marR="0" lvl="0" indent="0" algn="r" rtl="0">
              <a:spcBef>
                <a:spcPts val="0"/>
              </a:spcBef>
              <a:spcAft>
                <a:spcPts val="0"/>
              </a:spcAft>
              <a:buNone/>
            </a:pPr>
            <a:fld id="{00000000-1234-1234-1234-123412341234}" type="slidenum">
              <a:rPr lang="en-US" sz="1746">
                <a:solidFill>
                  <a:srgbClr val="888888"/>
                </a:solidFill>
                <a:latin typeface="Calibri"/>
                <a:ea typeface="Calibri"/>
                <a:cs typeface="Calibri"/>
                <a:sym typeface="Calibri"/>
              </a:rPr>
              <a:t>14</a:t>
            </a:fld>
            <a:endParaRPr sz="1746">
              <a:solidFill>
                <a:srgbClr val="888888"/>
              </a:solidFill>
              <a:latin typeface="Calibri"/>
              <a:ea typeface="Calibri"/>
              <a:cs typeface="Calibri"/>
              <a:sym typeface="Calibri"/>
            </a:endParaRPr>
          </a:p>
        </p:txBody>
      </p:sp>
      <p:pic>
        <p:nvPicPr>
          <p:cNvPr id="322" name="Google Shape;322;p41" descr="Photo of Ford Foundation advertisement."/>
          <p:cNvPicPr preferRelativeResize="0"/>
          <p:nvPr/>
        </p:nvPicPr>
        <p:blipFill rotWithShape="1">
          <a:blip r:embed="rId8">
            <a:alphaModFix/>
          </a:blip>
          <a:srcRect/>
          <a:stretch/>
        </p:blipFill>
        <p:spPr>
          <a:xfrm>
            <a:off x="0" y="1192237"/>
            <a:ext cx="5665763" cy="5665763"/>
          </a:xfrm>
          <a:prstGeom prst="rect">
            <a:avLst/>
          </a:prstGeom>
          <a:noFill/>
          <a:ln>
            <a:noFill/>
          </a:ln>
        </p:spPr>
      </p:pic>
    </p:spTree>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Shape 327"/>
        <p:cNvGrpSpPr/>
        <p:nvPr/>
      </p:nvGrpSpPr>
      <p:grpSpPr>
        <a:xfrm>
          <a:off x="0" y="0"/>
          <a:ext cx="0" cy="0"/>
          <a:chOff x="0" y="0"/>
          <a:chExt cx="0" cy="0"/>
        </a:xfrm>
      </p:grpSpPr>
      <p:sp>
        <p:nvSpPr>
          <p:cNvPr id="328" name="Google Shape;328;p42"/>
          <p:cNvSpPr txBox="1">
            <a:spLocks noGrp="1"/>
          </p:cNvSpPr>
          <p:nvPr>
            <p:ph type="title" idx="4294967295"/>
          </p:nvPr>
        </p:nvSpPr>
        <p:spPr>
          <a:xfrm>
            <a:off x="3936097" y="357203"/>
            <a:ext cx="4957255" cy="585248"/>
          </a:xfrm>
          <a:prstGeom prst="rect">
            <a:avLst/>
          </a:prstGeom>
          <a:noFill/>
          <a:ln>
            <a:noFill/>
          </a:ln>
        </p:spPr>
        <p:txBody>
          <a:bodyPr spcFirstLastPara="1" wrap="square" lIns="91425" tIns="45700" rIns="91425" bIns="45700" anchor="ctr" anchorCtr="0">
            <a:noAutofit/>
          </a:bodyPr>
          <a:lstStyle/>
          <a:p>
            <a:pPr marL="0" marR="0" lvl="0" indent="0" algn="r" rtl="0">
              <a:lnSpc>
                <a:spcPct val="100000"/>
              </a:lnSpc>
              <a:spcBef>
                <a:spcPts val="0"/>
              </a:spcBef>
              <a:spcAft>
                <a:spcPts val="0"/>
              </a:spcAft>
              <a:buClr>
                <a:schemeClr val="lt1"/>
              </a:buClr>
              <a:buSzPts val="900"/>
              <a:buFont typeface="Calibri"/>
              <a:buNone/>
            </a:pPr>
            <a:b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br>
            <a:b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br>
            <a:r>
              <a:rPr lang="en-US" sz="3200" b="1" dirty="0">
                <a:solidFill>
                  <a:schemeClr val="lt1"/>
                </a:solidFill>
                <a:latin typeface="Calibri" panose="020F0502020204030204" pitchFamily="34" charset="0"/>
                <a:ea typeface="Libre Baskerville"/>
                <a:cs typeface="Calibri" panose="020F0502020204030204" pitchFamily="34" charset="0"/>
                <a:sym typeface="Libre Baskerville"/>
              </a:rPr>
              <a:t>Examples:</a:t>
            </a:r>
            <a: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t> JP Morgan Chase</a:t>
            </a:r>
            <a:b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br>
            <a:b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br>
            <a:endParaRPr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endParaRPr>
          </a:p>
        </p:txBody>
      </p:sp>
      <p:sp>
        <p:nvSpPr>
          <p:cNvPr id="329" name="Google Shape;329;p42"/>
          <p:cNvSpPr txBox="1">
            <a:spLocks noGrp="1"/>
          </p:cNvSpPr>
          <p:nvPr>
            <p:ph type="body" idx="4294967295"/>
          </p:nvPr>
        </p:nvSpPr>
        <p:spPr>
          <a:xfrm>
            <a:off x="0" y="1316038"/>
            <a:ext cx="5343525" cy="4162425"/>
          </a:xfrm>
          <a:prstGeom prst="rect">
            <a:avLst/>
          </a:prstGeom>
          <a:noFill/>
          <a:ln>
            <a:noFill/>
          </a:ln>
        </p:spPr>
        <p:txBody>
          <a:bodyPr spcFirstLastPara="1" wrap="square" lIns="91425" tIns="45700" rIns="91425" bIns="45700" anchor="t" anchorCtr="0">
            <a:noAutofit/>
          </a:bodyPr>
          <a:lstStyle/>
          <a:p>
            <a:pPr marL="0" marR="0" lvl="0" indent="0" algn="l" rtl="0">
              <a:lnSpc>
                <a:spcPct val="80000"/>
              </a:lnSpc>
              <a:spcBef>
                <a:spcPts val="0"/>
              </a:spcBef>
              <a:spcAft>
                <a:spcPts val="0"/>
              </a:spcAft>
              <a:buClr>
                <a:schemeClr val="dk1"/>
              </a:buClr>
              <a:buSzPts val="450"/>
              <a:buFont typeface="Arial"/>
              <a:buNone/>
            </a:pPr>
            <a:endParaRPr sz="2000">
              <a:latin typeface="Libre Baskerville"/>
              <a:ea typeface="Libre Baskerville"/>
              <a:cs typeface="Libre Baskerville"/>
              <a:sym typeface="Libre Baskerville"/>
            </a:endParaRPr>
          </a:p>
          <a:p>
            <a:pPr marL="457200" marR="0" lvl="0" indent="-355600" algn="l" rtl="0">
              <a:lnSpc>
                <a:spcPct val="80000"/>
              </a:lnSpc>
              <a:spcBef>
                <a:spcPts val="0"/>
              </a:spcBef>
              <a:spcAft>
                <a:spcPts val="0"/>
              </a:spcAft>
              <a:buClr>
                <a:schemeClr val="dk1"/>
              </a:buClr>
              <a:buSzPts val="2000"/>
              <a:buFont typeface="Libre Baskerville"/>
              <a:buChar char="●"/>
            </a:pPr>
            <a:r>
              <a:rPr lang="en-US" sz="2000" b="1" i="0" u="sng" strike="noStrike" cap="none">
                <a:solidFill>
                  <a:schemeClr val="hlink"/>
                </a:solidFill>
                <a:latin typeface="Libre Baskerville"/>
                <a:ea typeface="Libre Baskerville"/>
                <a:cs typeface="Libre Baskerville"/>
                <a:sym typeface="Libre Baskerville"/>
                <a:hlinkClick r:id="rId3"/>
              </a:rPr>
              <a:t>J.P. Morgan</a:t>
            </a:r>
            <a:r>
              <a:rPr lang="en-US" sz="2000" b="1" i="0" u="none" strike="noStrike" cap="none">
                <a:solidFill>
                  <a:schemeClr val="dk1"/>
                </a:solidFill>
                <a:latin typeface="Libre Baskerville"/>
                <a:ea typeface="Libre Baskerville"/>
                <a:cs typeface="Libre Baskerville"/>
                <a:sym typeface="Libre Baskerville"/>
              </a:rPr>
              <a:t> has funded and initiative to cover the direct disability accommodation costs for 10 major community development and civil rights conferences for people with disabilities</a:t>
            </a:r>
            <a:endParaRPr sz="2000">
              <a:solidFill>
                <a:schemeClr val="dk1"/>
              </a:solidFill>
              <a:latin typeface="Libre Baskerville"/>
              <a:ea typeface="Libre Baskerville"/>
              <a:cs typeface="Libre Baskerville"/>
              <a:sym typeface="Libre Baskerville"/>
            </a:endParaRPr>
          </a:p>
          <a:p>
            <a:pPr marL="914400" marR="0" lvl="0" indent="0" algn="l" rtl="0">
              <a:lnSpc>
                <a:spcPct val="80000"/>
              </a:lnSpc>
              <a:spcBef>
                <a:spcPts val="0"/>
              </a:spcBef>
              <a:spcAft>
                <a:spcPts val="0"/>
              </a:spcAft>
              <a:buNone/>
            </a:pPr>
            <a:endParaRPr sz="2000">
              <a:solidFill>
                <a:schemeClr val="dk1"/>
              </a:solidFill>
              <a:latin typeface="Libre Baskerville"/>
              <a:ea typeface="Libre Baskerville"/>
              <a:cs typeface="Libre Baskerville"/>
              <a:sym typeface="Libre Baskerville"/>
            </a:endParaRPr>
          </a:p>
          <a:p>
            <a:pPr marL="457200" marR="0" lvl="0" indent="-355600" algn="l" rtl="0">
              <a:lnSpc>
                <a:spcPct val="80000"/>
              </a:lnSpc>
              <a:spcBef>
                <a:spcPts val="0"/>
              </a:spcBef>
              <a:spcAft>
                <a:spcPts val="0"/>
              </a:spcAft>
              <a:buClr>
                <a:schemeClr val="dk1"/>
              </a:buClr>
              <a:buSzPts val="2000"/>
              <a:buFont typeface="Libre Baskerville"/>
              <a:buChar char="●"/>
            </a:pPr>
            <a:r>
              <a:rPr lang="en-US" sz="2000">
                <a:solidFill>
                  <a:schemeClr val="dk1"/>
                </a:solidFill>
                <a:latin typeface="Libre Baskerville"/>
                <a:ea typeface="Libre Baskerville"/>
                <a:cs typeface="Libre Baskerville"/>
                <a:sym typeface="Libre Baskerville"/>
              </a:rPr>
              <a:t>Important because many non profit groups and events are NOT inclusive of PwDs</a:t>
            </a:r>
            <a:endParaRPr sz="2000">
              <a:solidFill>
                <a:schemeClr val="dk1"/>
              </a:solidFill>
              <a:latin typeface="Libre Baskerville"/>
              <a:ea typeface="Libre Baskerville"/>
              <a:cs typeface="Libre Baskerville"/>
              <a:sym typeface="Libre Baskerville"/>
            </a:endParaRPr>
          </a:p>
          <a:p>
            <a:pPr marL="1371600" lvl="2" indent="-355600" rtl="0">
              <a:lnSpc>
                <a:spcPct val="80000"/>
              </a:lnSpc>
              <a:spcBef>
                <a:spcPts val="0"/>
              </a:spcBef>
              <a:spcAft>
                <a:spcPts val="0"/>
              </a:spcAft>
              <a:buClr>
                <a:schemeClr val="dk1"/>
              </a:buClr>
              <a:buSzPts val="2000"/>
              <a:buFont typeface="Libre Baskerville"/>
              <a:buChar char="■"/>
            </a:pPr>
            <a:r>
              <a:rPr lang="en-US" sz="2000">
                <a:solidFill>
                  <a:schemeClr val="dk1"/>
                </a:solidFill>
                <a:latin typeface="Libre Baskerville"/>
                <a:ea typeface="Libre Baskerville"/>
                <a:cs typeface="Libre Baskerville"/>
                <a:sym typeface="Libre Baskerville"/>
              </a:rPr>
              <a:t>No captioned videos</a:t>
            </a:r>
            <a:endParaRPr sz="2000">
              <a:solidFill>
                <a:schemeClr val="dk1"/>
              </a:solidFill>
              <a:latin typeface="Libre Baskerville"/>
              <a:ea typeface="Libre Baskerville"/>
              <a:cs typeface="Libre Baskerville"/>
              <a:sym typeface="Libre Baskerville"/>
            </a:endParaRPr>
          </a:p>
          <a:p>
            <a:pPr marL="1371600" lvl="2" indent="-355600" rtl="0">
              <a:lnSpc>
                <a:spcPct val="80000"/>
              </a:lnSpc>
              <a:spcBef>
                <a:spcPts val="0"/>
              </a:spcBef>
              <a:spcAft>
                <a:spcPts val="0"/>
              </a:spcAft>
              <a:buClr>
                <a:schemeClr val="dk1"/>
              </a:buClr>
              <a:buSzPts val="2000"/>
              <a:buFont typeface="Libre Baskerville"/>
              <a:buChar char="■"/>
            </a:pPr>
            <a:r>
              <a:rPr lang="en-US" sz="2000">
                <a:solidFill>
                  <a:schemeClr val="dk1"/>
                </a:solidFill>
                <a:latin typeface="Libre Baskerville"/>
                <a:ea typeface="Libre Baskerville"/>
                <a:cs typeface="Libre Baskerville"/>
                <a:sym typeface="Libre Baskerville"/>
              </a:rPr>
              <a:t>Non-accessible events</a:t>
            </a:r>
            <a:endParaRPr sz="2000">
              <a:solidFill>
                <a:schemeClr val="dk1"/>
              </a:solidFill>
              <a:latin typeface="Libre Baskerville"/>
              <a:ea typeface="Libre Baskerville"/>
              <a:cs typeface="Libre Baskerville"/>
              <a:sym typeface="Libre Baskerville"/>
            </a:endParaRPr>
          </a:p>
          <a:p>
            <a:pPr marL="0" marR="0" lvl="0" indent="0" algn="l" rtl="0">
              <a:lnSpc>
                <a:spcPct val="80000"/>
              </a:lnSpc>
              <a:spcBef>
                <a:spcPts val="352"/>
              </a:spcBef>
              <a:spcAft>
                <a:spcPts val="0"/>
              </a:spcAft>
              <a:buClr>
                <a:schemeClr val="dk1"/>
              </a:buClr>
              <a:buSzPts val="450"/>
              <a:buFont typeface="Arial"/>
              <a:buNone/>
            </a:pPr>
            <a:endParaRPr sz="2000" i="0" u="none" strike="noStrike" cap="none">
              <a:solidFill>
                <a:schemeClr val="dk1"/>
              </a:solidFill>
              <a:latin typeface="Libre Baskerville"/>
              <a:ea typeface="Libre Baskerville"/>
              <a:cs typeface="Libre Baskerville"/>
              <a:sym typeface="Libre Baskerville"/>
            </a:endParaRPr>
          </a:p>
          <a:p>
            <a:pPr marL="0" marR="0" lvl="0" indent="0" algn="l" rtl="0">
              <a:lnSpc>
                <a:spcPct val="80000"/>
              </a:lnSpc>
              <a:spcBef>
                <a:spcPts val="352"/>
              </a:spcBef>
              <a:spcAft>
                <a:spcPts val="0"/>
              </a:spcAft>
              <a:buClr>
                <a:schemeClr val="dk1"/>
              </a:buClr>
              <a:buSzPts val="450"/>
              <a:buFont typeface="Arial"/>
              <a:buNone/>
            </a:pPr>
            <a:endParaRPr sz="2000">
              <a:latin typeface="Libre Baskerville"/>
              <a:ea typeface="Libre Baskerville"/>
              <a:cs typeface="Libre Baskerville"/>
              <a:sym typeface="Libre Baskerville"/>
            </a:endParaRPr>
          </a:p>
          <a:p>
            <a:pPr marL="0" marR="0" lvl="0" indent="0" algn="l" rtl="0">
              <a:lnSpc>
                <a:spcPct val="80000"/>
              </a:lnSpc>
              <a:spcBef>
                <a:spcPts val="352"/>
              </a:spcBef>
              <a:spcAft>
                <a:spcPts val="0"/>
              </a:spcAft>
              <a:buClr>
                <a:schemeClr val="dk1"/>
              </a:buClr>
              <a:buSzPts val="450"/>
              <a:buFont typeface="Arial"/>
              <a:buNone/>
            </a:pPr>
            <a:endParaRPr sz="2000" i="0" u="none" strike="noStrike" cap="none">
              <a:solidFill>
                <a:schemeClr val="dk1"/>
              </a:solidFill>
              <a:latin typeface="Libre Baskerville"/>
              <a:ea typeface="Libre Baskerville"/>
              <a:cs typeface="Libre Baskerville"/>
              <a:sym typeface="Libre Baskerville"/>
            </a:endParaRPr>
          </a:p>
          <a:p>
            <a:pPr marL="0" marR="0" lvl="0" indent="0" algn="l" rtl="0">
              <a:lnSpc>
                <a:spcPct val="80000"/>
              </a:lnSpc>
              <a:spcBef>
                <a:spcPts val="352"/>
              </a:spcBef>
              <a:spcAft>
                <a:spcPts val="0"/>
              </a:spcAft>
              <a:buClr>
                <a:schemeClr val="dk1"/>
              </a:buClr>
              <a:buSzPts val="450"/>
              <a:buFont typeface="Arial"/>
              <a:buNone/>
            </a:pPr>
            <a:endParaRPr sz="2000" i="0" u="none" strike="noStrike" cap="none">
              <a:solidFill>
                <a:schemeClr val="dk1"/>
              </a:solidFill>
              <a:latin typeface="Libre Baskerville"/>
              <a:ea typeface="Libre Baskerville"/>
              <a:cs typeface="Libre Baskerville"/>
              <a:sym typeface="Libre Baskerville"/>
            </a:endParaRPr>
          </a:p>
        </p:txBody>
      </p:sp>
      <p:pic>
        <p:nvPicPr>
          <p:cNvPr id="330" name="Google Shape;330;p42" descr="image of a crosswalk traffic sign captioned &quot;are you walking the walk&quot;"/>
          <p:cNvPicPr preferRelativeResize="0"/>
          <p:nvPr/>
        </p:nvPicPr>
        <p:blipFill rotWithShape="1">
          <a:blip r:embed="rId4">
            <a:alphaModFix/>
          </a:blip>
          <a:srcRect/>
          <a:stretch/>
        </p:blipFill>
        <p:spPr>
          <a:xfrm>
            <a:off x="5484373" y="1598901"/>
            <a:ext cx="3446450" cy="3489750"/>
          </a:xfrm>
          <a:prstGeom prst="rect">
            <a:avLst/>
          </a:prstGeom>
          <a:noFill/>
          <a:ln>
            <a:noFill/>
          </a:ln>
        </p:spPr>
      </p:pic>
    </p:spTree>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Shape 343"/>
        <p:cNvGrpSpPr/>
        <p:nvPr/>
      </p:nvGrpSpPr>
      <p:grpSpPr>
        <a:xfrm>
          <a:off x="0" y="0"/>
          <a:ext cx="0" cy="0"/>
          <a:chOff x="0" y="0"/>
          <a:chExt cx="0" cy="0"/>
        </a:xfrm>
      </p:grpSpPr>
      <p:sp>
        <p:nvSpPr>
          <p:cNvPr id="344" name="Google Shape;344;p44"/>
          <p:cNvSpPr txBox="1">
            <a:spLocks noGrp="1"/>
          </p:cNvSpPr>
          <p:nvPr>
            <p:ph type="title" idx="4294967295"/>
          </p:nvPr>
        </p:nvSpPr>
        <p:spPr>
          <a:xfrm>
            <a:off x="3119171" y="106789"/>
            <a:ext cx="5815955" cy="979659"/>
          </a:xfrm>
          <a:prstGeom prst="rect">
            <a:avLst/>
          </a:prstGeom>
          <a:noFill/>
          <a:ln>
            <a:noFill/>
          </a:ln>
        </p:spPr>
        <p:txBody>
          <a:bodyPr spcFirstLastPara="1" wrap="square" lIns="0" tIns="0" rIns="0" bIns="0" anchor="t" anchorCtr="0">
            <a:noAutofit/>
          </a:bodyPr>
          <a:lstStyle/>
          <a:p>
            <a:pPr marL="0" marR="0" lvl="0" indent="0" rtl="0">
              <a:spcBef>
                <a:spcPts val="0"/>
              </a:spcBef>
              <a:spcAft>
                <a:spcPts val="0"/>
              </a:spcAft>
              <a:buNone/>
            </a:pPr>
            <a:r>
              <a:rPr lang="en-US" sz="3200" b="1" dirty="0">
                <a:solidFill>
                  <a:schemeClr val="lt1"/>
                </a:solidFill>
                <a:latin typeface="Calibri" panose="020F0502020204030204" pitchFamily="34" charset="0"/>
                <a:ea typeface="Libre Baskerville"/>
                <a:cs typeface="Calibri" panose="020F0502020204030204" pitchFamily="34" charset="0"/>
                <a:sym typeface="Libre Baskerville"/>
              </a:rPr>
              <a:t>Examples: </a:t>
            </a:r>
            <a: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t>MacArthur Foundation </a:t>
            </a:r>
            <a:r>
              <a:rPr lang="en-US" sz="3200" b="1" dirty="0">
                <a:solidFill>
                  <a:schemeClr val="lt1"/>
                </a:solidFill>
                <a:latin typeface="Calibri" panose="020F0502020204030204" pitchFamily="34" charset="0"/>
                <a:ea typeface="Libre Baskerville"/>
                <a:cs typeface="Calibri" panose="020F0502020204030204" pitchFamily="34" charset="0"/>
                <a:sym typeface="Libre Baskerville"/>
              </a:rPr>
              <a:t>n</a:t>
            </a:r>
            <a:r>
              <a:rPr lang="en-US" sz="3200" b="1" i="0" u="none" strike="noStrike" cap="none" dirty="0">
                <a:solidFill>
                  <a:schemeClr val="lt1"/>
                </a:solidFill>
                <a:latin typeface="Calibri" panose="020F0502020204030204" pitchFamily="34" charset="0"/>
                <a:ea typeface="Libre Baskerville"/>
                <a:cs typeface="Calibri" panose="020F0502020204030204" pitchFamily="34" charset="0"/>
                <a:sym typeface="Libre Baskerville"/>
              </a:rPr>
              <a:t>ewly including disability</a:t>
            </a:r>
            <a:endParaRPr sz="3200" b="1" dirty="0">
              <a:latin typeface="Calibri" panose="020F0502020204030204" pitchFamily="34" charset="0"/>
              <a:ea typeface="Libre Baskerville"/>
              <a:cs typeface="Calibri" panose="020F0502020204030204" pitchFamily="34" charset="0"/>
              <a:sym typeface="Libre Baskerville"/>
            </a:endParaRPr>
          </a:p>
        </p:txBody>
      </p:sp>
      <p:sp>
        <p:nvSpPr>
          <p:cNvPr id="345" name="Google Shape;345;p44"/>
          <p:cNvSpPr/>
          <p:nvPr/>
        </p:nvSpPr>
        <p:spPr>
          <a:xfrm>
            <a:off x="339970" y="4405364"/>
            <a:ext cx="8215532" cy="2031325"/>
          </a:xfrm>
          <a:prstGeom prst="rect">
            <a:avLst/>
          </a:prstGeom>
          <a:noFill/>
          <a:ln>
            <a:noFill/>
          </a:ln>
        </p:spPr>
        <p:txBody>
          <a:bodyPr spcFirstLastPara="1" wrap="square" lIns="91425" tIns="45700" rIns="91425" bIns="45700" anchor="t" anchorCtr="0">
            <a:noAutofit/>
          </a:bodyPr>
          <a:lstStyle/>
          <a:p>
            <a:pPr marL="285750" marR="0" lvl="0" indent="-285750" algn="l" rtl="0">
              <a:spcBef>
                <a:spcPts val="0"/>
              </a:spcBef>
              <a:spcAft>
                <a:spcPts val="0"/>
              </a:spcAft>
              <a:buClr>
                <a:schemeClr val="dk1"/>
              </a:buClr>
              <a:buSzPts val="1800"/>
              <a:buFont typeface="Noto Sans Symbols"/>
              <a:buChar char="❖"/>
            </a:pPr>
            <a:r>
              <a:rPr lang="en-US" sz="1800">
                <a:solidFill>
                  <a:schemeClr val="dk1"/>
                </a:solidFill>
                <a:latin typeface="Libre Baskerville"/>
                <a:ea typeface="Libre Baskerville"/>
                <a:cs typeface="Libre Baskerville"/>
                <a:sym typeface="Libre Baskerville"/>
              </a:rPr>
              <a:t>The MacArthur Foundation has also recently added the disability lens to their work with their new 100 Million Dollar Grant</a:t>
            </a:r>
            <a:endParaRPr/>
          </a:p>
          <a:p>
            <a:pPr marL="285750" marR="0" lvl="0" indent="-285750" algn="l" rtl="0">
              <a:spcBef>
                <a:spcPts val="0"/>
              </a:spcBef>
              <a:spcAft>
                <a:spcPts val="0"/>
              </a:spcAft>
              <a:buClr>
                <a:schemeClr val="dk1"/>
              </a:buClr>
              <a:buSzPts val="1800"/>
              <a:buFont typeface="Noto Sans Symbols"/>
              <a:buChar char="❖"/>
            </a:pPr>
            <a:r>
              <a:rPr lang="en-US" sz="1800">
                <a:solidFill>
                  <a:schemeClr val="dk1"/>
                </a:solidFill>
                <a:latin typeface="Libre Baskerville"/>
                <a:ea typeface="Libre Baskerville"/>
                <a:cs typeface="Libre Baskerville"/>
                <a:sym typeface="Libre Baskerville"/>
              </a:rPr>
              <a:t>See: </a:t>
            </a:r>
            <a:r>
              <a:rPr lang="en-US" sz="1800" u="sng">
                <a:solidFill>
                  <a:schemeClr val="hlink"/>
                </a:solidFill>
                <a:latin typeface="Libre Baskerville"/>
                <a:ea typeface="Libre Baskerville"/>
                <a:cs typeface="Libre Baskerville"/>
                <a:sym typeface="Libre Baskerville"/>
                <a:hlinkClick r:id="rId3"/>
              </a:rPr>
              <a:t>https://www.macfound.org/press/perspectives/nothing-about-us-without-us</a:t>
            </a:r>
            <a:endParaRPr sz="1800">
              <a:solidFill>
                <a:schemeClr val="dk1"/>
              </a:solidFill>
              <a:latin typeface="Libre Baskerville"/>
              <a:ea typeface="Libre Baskerville"/>
              <a:cs typeface="Libre Baskerville"/>
              <a:sym typeface="Libre Baskerville"/>
            </a:endParaRPr>
          </a:p>
          <a:p>
            <a:pPr marL="285750" marR="0" lvl="0" indent="-285750" algn="l" rtl="0">
              <a:spcBef>
                <a:spcPts val="0"/>
              </a:spcBef>
              <a:spcAft>
                <a:spcPts val="0"/>
              </a:spcAft>
              <a:buClr>
                <a:schemeClr val="dk1"/>
              </a:buClr>
              <a:buSzPts val="1800"/>
              <a:buFont typeface="Noto Sans Symbols"/>
              <a:buChar char="❖"/>
            </a:pPr>
            <a:r>
              <a:rPr lang="en-US" sz="1800">
                <a:solidFill>
                  <a:schemeClr val="dk1"/>
                </a:solidFill>
                <a:latin typeface="Libre Baskerville"/>
                <a:ea typeface="Libre Baskerville"/>
                <a:cs typeface="Libre Baskerville"/>
                <a:sym typeface="Libre Baskerville"/>
              </a:rPr>
              <a:t>And: </a:t>
            </a:r>
            <a:r>
              <a:rPr lang="en-US" sz="1800" u="sng">
                <a:solidFill>
                  <a:schemeClr val="hlink"/>
                </a:solidFill>
                <a:latin typeface="Libre Baskerville"/>
                <a:ea typeface="Libre Baskerville"/>
                <a:cs typeface="Libre Baskerville"/>
                <a:sym typeface="Libre Baskerville"/>
                <a:hlinkClick r:id="rId4"/>
              </a:rPr>
              <a:t>https://www.macfound.org/media/files/Checklist_for_MacArthur_100Change_Semifinalists.pdf</a:t>
            </a:r>
            <a:endParaRPr sz="1800">
              <a:solidFill>
                <a:schemeClr val="dk1"/>
              </a:solidFill>
              <a:latin typeface="Libre Baskerville"/>
              <a:ea typeface="Libre Baskerville"/>
              <a:cs typeface="Libre Baskerville"/>
              <a:sym typeface="Libre Baskerville"/>
            </a:endParaRPr>
          </a:p>
          <a:p>
            <a:pPr marL="285750" marR="0" lvl="0" indent="-285750" algn="l" rtl="0">
              <a:spcBef>
                <a:spcPts val="0"/>
              </a:spcBef>
              <a:spcAft>
                <a:spcPts val="0"/>
              </a:spcAft>
              <a:buClr>
                <a:schemeClr val="dk1"/>
              </a:buClr>
              <a:buSzPts val="1800"/>
              <a:buFont typeface="Noto Sans Symbols"/>
              <a:buChar char="❖"/>
            </a:pPr>
            <a:r>
              <a:rPr lang="en-US" sz="1800">
                <a:solidFill>
                  <a:schemeClr val="dk1"/>
                </a:solidFill>
                <a:latin typeface="Libre Baskerville"/>
                <a:ea typeface="Libre Baskerville"/>
                <a:cs typeface="Libre Baskerville"/>
                <a:sym typeface="Libre Baskerville"/>
              </a:rPr>
              <a:t>Plus: </a:t>
            </a:r>
            <a:r>
              <a:rPr lang="en-US" sz="1800" u="sng">
                <a:solidFill>
                  <a:schemeClr val="hlink"/>
                </a:solidFill>
                <a:latin typeface="Libre Baskerville"/>
                <a:ea typeface="Libre Baskerville"/>
                <a:cs typeface="Libre Baskerville"/>
                <a:sym typeface="Libre Baskerville"/>
                <a:hlinkClick r:id="rId5"/>
              </a:rPr>
              <a:t>https://www.macfound.org/programs/100change</a:t>
            </a:r>
            <a:endParaRPr sz="1800">
              <a:solidFill>
                <a:schemeClr val="dk1"/>
              </a:solidFill>
              <a:latin typeface="Libre Baskerville"/>
              <a:ea typeface="Libre Baskerville"/>
              <a:cs typeface="Libre Baskerville"/>
              <a:sym typeface="Libre Baskerville"/>
            </a:endParaRPr>
          </a:p>
        </p:txBody>
      </p:sp>
      <p:pic>
        <p:nvPicPr>
          <p:cNvPr id="346" name="Google Shape;346;p44" descr="MacArthur Foundation banner&#10;"/>
          <p:cNvPicPr preferRelativeResize="0"/>
          <p:nvPr/>
        </p:nvPicPr>
        <p:blipFill rotWithShape="1">
          <a:blip r:embed="rId6">
            <a:alphaModFix/>
          </a:blip>
          <a:srcRect/>
          <a:stretch/>
        </p:blipFill>
        <p:spPr>
          <a:xfrm>
            <a:off x="881442" y="2189480"/>
            <a:ext cx="7381142" cy="2050317"/>
          </a:xfrm>
          <a:prstGeom prst="rect">
            <a:avLst/>
          </a:prstGeom>
          <a:noFill/>
          <a:ln>
            <a:noFill/>
          </a:ln>
        </p:spPr>
      </p:pic>
      <p:pic>
        <p:nvPicPr>
          <p:cNvPr id="347" name="Google Shape;347;p44" descr="MacArthur Foundation"/>
          <p:cNvPicPr preferRelativeResize="0"/>
          <p:nvPr/>
        </p:nvPicPr>
        <p:blipFill rotWithShape="1">
          <a:blip r:embed="rId7">
            <a:alphaModFix/>
          </a:blip>
          <a:srcRect/>
          <a:stretch/>
        </p:blipFill>
        <p:spPr>
          <a:xfrm>
            <a:off x="1674055" y="1209821"/>
            <a:ext cx="5953065" cy="979659"/>
          </a:xfrm>
          <a:prstGeom prst="rect">
            <a:avLst/>
          </a:prstGeom>
          <a:noFill/>
          <a:ln>
            <a:noFill/>
          </a:ln>
        </p:spPr>
      </p:pic>
      <p:sp>
        <p:nvSpPr>
          <p:cNvPr id="348" name="Google Shape;348;p44"/>
          <p:cNvSpPr txBox="1"/>
          <p:nvPr/>
        </p:nvSpPr>
        <p:spPr>
          <a:xfrm>
            <a:off x="6524513" y="6291210"/>
            <a:ext cx="2041264" cy="268852"/>
          </a:xfrm>
          <a:prstGeom prst="rect">
            <a:avLst/>
          </a:prstGeom>
          <a:noFill/>
          <a:ln>
            <a:noFill/>
          </a:ln>
        </p:spPr>
        <p:txBody>
          <a:bodyPr spcFirstLastPara="1" wrap="square" lIns="0" tIns="0" rIns="0" bIns="0" anchor="t" anchorCtr="0">
            <a:noAutofit/>
          </a:bodyPr>
          <a:lstStyle/>
          <a:p>
            <a:pPr marL="0" marR="0" lvl="0" indent="0" algn="r" rtl="0">
              <a:spcBef>
                <a:spcPts val="0"/>
              </a:spcBef>
              <a:spcAft>
                <a:spcPts val="0"/>
              </a:spcAft>
              <a:buNone/>
            </a:pPr>
            <a:fld id="{00000000-1234-1234-1234-123412341234}" type="slidenum">
              <a:rPr lang="en-US" sz="1746">
                <a:solidFill>
                  <a:srgbClr val="888888"/>
                </a:solidFill>
                <a:latin typeface="Calibri"/>
                <a:ea typeface="Calibri"/>
                <a:cs typeface="Calibri"/>
                <a:sym typeface="Calibri"/>
              </a:rPr>
              <a:t>16</a:t>
            </a:fld>
            <a:endParaRPr sz="1746">
              <a:solidFill>
                <a:srgbClr val="888888"/>
              </a:solidFill>
              <a:latin typeface="Calibri"/>
              <a:ea typeface="Calibri"/>
              <a:cs typeface="Calibri"/>
              <a:sym typeface="Calibri"/>
            </a:endParaRPr>
          </a:p>
        </p:txBody>
      </p:sp>
    </p:spTree>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90D47E9-4E32-4C5E-B38C-83B96C7CF853}"/>
              </a:ext>
            </a:extLst>
          </p:cNvPr>
          <p:cNvSpPr>
            <a:spLocks noGrp="1"/>
          </p:cNvSpPr>
          <p:nvPr>
            <p:ph type="title"/>
          </p:nvPr>
        </p:nvSpPr>
        <p:spPr>
          <a:xfrm>
            <a:off x="4002157" y="274324"/>
            <a:ext cx="4826213" cy="500827"/>
          </a:xfrm>
        </p:spPr>
        <p:txBody>
          <a:bodyPr/>
          <a:lstStyle/>
          <a:p>
            <a:r>
              <a:rPr lang="en-US" sz="3200" b="1" dirty="0">
                <a:solidFill>
                  <a:schemeClr val="bg1"/>
                </a:solidFill>
              </a:rPr>
              <a:t>Resources for your Job Hunt</a:t>
            </a:r>
          </a:p>
        </p:txBody>
      </p:sp>
      <p:sp>
        <p:nvSpPr>
          <p:cNvPr id="3" name="Content Placeholder 2">
            <a:extLst>
              <a:ext uri="{FF2B5EF4-FFF2-40B4-BE49-F238E27FC236}">
                <a16:creationId xmlns:a16="http://schemas.microsoft.com/office/drawing/2014/main" id="{CD4C4578-96E1-414E-B709-4A8BEE7728F0}"/>
              </a:ext>
            </a:extLst>
          </p:cNvPr>
          <p:cNvSpPr>
            <a:spLocks noGrp="1"/>
          </p:cNvSpPr>
          <p:nvPr>
            <p:ph idx="1"/>
          </p:nvPr>
        </p:nvSpPr>
        <p:spPr>
          <a:xfrm>
            <a:off x="457205" y="1577343"/>
            <a:ext cx="8371165" cy="4312877"/>
          </a:xfrm>
        </p:spPr>
        <p:txBody>
          <a:bodyPr numCol="2"/>
          <a:lstStyle/>
          <a:p>
            <a:pPr marL="12700" lvl="0" indent="-12700">
              <a:lnSpc>
                <a:spcPct val="90000"/>
              </a:lnSpc>
              <a:spcBef>
                <a:spcPts val="480"/>
              </a:spcBef>
              <a:buSzPct val="100000"/>
              <a:buFont typeface="Libre Baskerville"/>
              <a:buChar char="❖"/>
              <a:defRPr/>
            </a:pPr>
            <a:r>
              <a:rPr lang="en-US" sz="1600" b="1" dirty="0"/>
              <a:t>Respectability</a:t>
            </a:r>
            <a:r>
              <a:rPr lang="en-US" sz="1600" dirty="0"/>
              <a:t>:  </a:t>
            </a:r>
            <a:r>
              <a:rPr lang="en-US" sz="1600" dirty="0">
                <a:hlinkClick r:id="rId2"/>
              </a:rPr>
              <a:t>www.respectability.org</a:t>
            </a:r>
            <a:r>
              <a:rPr lang="en-US" sz="1600" dirty="0"/>
              <a:t>  has a inclusive philanthropy toolkit</a:t>
            </a:r>
          </a:p>
          <a:p>
            <a:pPr marL="12700" lvl="0" indent="-12700">
              <a:lnSpc>
                <a:spcPct val="90000"/>
              </a:lnSpc>
              <a:spcBef>
                <a:spcPts val="480"/>
              </a:spcBef>
              <a:buSzPct val="100000"/>
              <a:buFont typeface="Libre Baskerville"/>
              <a:buChar char="❖"/>
              <a:defRPr/>
            </a:pPr>
            <a:r>
              <a:rPr lang="en-US" sz="1600" b="1" dirty="0"/>
              <a:t>Council on Foundations</a:t>
            </a:r>
            <a:r>
              <a:rPr lang="en-US" sz="1600" dirty="0"/>
              <a:t>:  </a:t>
            </a:r>
            <a:r>
              <a:rPr lang="en-US" sz="1600" dirty="0">
                <a:hlinkClick r:id="rId3"/>
              </a:rPr>
              <a:t>www.cof.org</a:t>
            </a:r>
            <a:r>
              <a:rPr lang="en-US" sz="1600" dirty="0"/>
              <a:t> has articles, tools, and a job board. </a:t>
            </a:r>
          </a:p>
          <a:p>
            <a:pPr marL="12700" lvl="0" indent="-12700">
              <a:lnSpc>
                <a:spcPct val="90000"/>
              </a:lnSpc>
              <a:spcBef>
                <a:spcPts val="480"/>
              </a:spcBef>
              <a:buSzPct val="100000"/>
              <a:buFont typeface="Libre Baskerville"/>
              <a:buChar char="❖"/>
              <a:defRPr/>
            </a:pPr>
            <a:r>
              <a:rPr lang="en-US" sz="1600" b="1" dirty="0" err="1"/>
              <a:t>Linkedin</a:t>
            </a:r>
            <a:r>
              <a:rPr lang="en-US" sz="1600" dirty="0"/>
              <a:t>:  </a:t>
            </a:r>
            <a:r>
              <a:rPr lang="en-US" sz="1600" dirty="0">
                <a:hlinkClick r:id="rId4"/>
              </a:rPr>
              <a:t>www.linkedin.com</a:t>
            </a:r>
            <a:r>
              <a:rPr lang="en-US" sz="1600" dirty="0"/>
              <a:t> the world’s most used recruiting too</a:t>
            </a:r>
          </a:p>
          <a:p>
            <a:pPr marL="12700" lvl="0" indent="-12700">
              <a:lnSpc>
                <a:spcPct val="90000"/>
              </a:lnSpc>
              <a:spcBef>
                <a:spcPts val="480"/>
              </a:spcBef>
              <a:buSzPct val="100000"/>
              <a:buFont typeface="Libre Baskerville"/>
              <a:buChar char="❖"/>
              <a:defRPr/>
            </a:pPr>
            <a:r>
              <a:rPr lang="en-US" sz="1600" b="1" dirty="0"/>
              <a:t>Philanthropy New York</a:t>
            </a:r>
            <a:r>
              <a:rPr lang="en-US" sz="1600" dirty="0"/>
              <a:t>:  </a:t>
            </a:r>
            <a:r>
              <a:rPr lang="en-US" sz="1600" u="sng" dirty="0">
                <a:hlinkClick r:id="rId5"/>
              </a:rPr>
              <a:t>www.philanthropynewyork.org</a:t>
            </a:r>
            <a:endParaRPr lang="en-US" sz="1600" u="sng" dirty="0"/>
          </a:p>
          <a:p>
            <a:pPr marL="12700" lvl="0" indent="-12700">
              <a:lnSpc>
                <a:spcPct val="90000"/>
              </a:lnSpc>
              <a:spcBef>
                <a:spcPts val="480"/>
              </a:spcBef>
              <a:buSzPct val="100000"/>
              <a:buFont typeface="Libre Baskerville"/>
              <a:buChar char="❖"/>
              <a:defRPr/>
            </a:pPr>
            <a:r>
              <a:rPr lang="en-US" sz="1600" dirty="0">
                <a:latin typeface="Libre Baskerville" panose="020B0604020202020204"/>
                <a:ea typeface="Libre Baskerville" panose="020B0604020202020204"/>
                <a:cs typeface="Libre Baskerville" panose="020B0604020202020204"/>
                <a:sym typeface="Libre Baskerville"/>
              </a:rPr>
              <a:t>Job Accommodation Network: </a:t>
            </a:r>
            <a:r>
              <a:rPr lang="en-US" sz="1600" u="sng" dirty="0">
                <a:solidFill>
                  <a:srgbClr val="0000FF"/>
                </a:solidFill>
                <a:latin typeface="Libre Baskerville" panose="020B0604020202020204"/>
                <a:ea typeface="Libre Baskerville" panose="020B0604020202020204"/>
                <a:cs typeface="Libre Baskerville" panose="020B0604020202020204"/>
                <a:sym typeface="Libre Baskerville"/>
                <a:hlinkClick r:id="rId6"/>
              </a:rPr>
              <a:t>https://askjan.org/</a:t>
            </a:r>
          </a:p>
          <a:p>
            <a:pPr marL="12700" lvl="0" indent="-12700">
              <a:lnSpc>
                <a:spcPct val="90000"/>
              </a:lnSpc>
              <a:spcBef>
                <a:spcPts val="480"/>
              </a:spcBef>
              <a:buSzPct val="100000"/>
              <a:buFont typeface="Libre Baskerville"/>
              <a:buChar char="❖"/>
              <a:defRPr/>
            </a:pPr>
            <a:r>
              <a:rPr lang="en-US" sz="1600" dirty="0">
                <a:latin typeface="Libre Baskerville" panose="020B0604020202020204"/>
                <a:ea typeface="Libre Baskerville" panose="020B0604020202020204"/>
                <a:cs typeface="Libre Baskerville" panose="020B0604020202020204"/>
                <a:sym typeface="Libre Baskerville"/>
              </a:rPr>
              <a:t>State Vocational Rehabilitation Agency: </a:t>
            </a:r>
            <a:r>
              <a:rPr lang="en-US" sz="1600" u="sng" dirty="0">
                <a:solidFill>
                  <a:srgbClr val="0000FF"/>
                </a:solidFill>
                <a:latin typeface="Libre Baskerville" panose="020B0604020202020204"/>
                <a:ea typeface="Libre Baskerville" panose="020B0604020202020204"/>
                <a:cs typeface="Libre Baskerville" panose="020B0604020202020204"/>
                <a:sym typeface="Libre Baskerville"/>
                <a:hlinkClick r:id="rId7"/>
              </a:rPr>
              <a:t>http://wdcrobcolp01.ed.gov/Programs/EROD/org_list.cfm?category_cd=SVR</a:t>
            </a:r>
            <a:endParaRPr lang="en-US" sz="1600" u="sng" dirty="0">
              <a:solidFill>
                <a:srgbClr val="0000FF"/>
              </a:solidFill>
              <a:latin typeface="Libre Baskerville" panose="020B0604020202020204"/>
              <a:ea typeface="Libre Baskerville" panose="020B0604020202020204"/>
              <a:cs typeface="Libre Baskerville" panose="020B0604020202020204"/>
              <a:sym typeface="Libre Baskerville"/>
            </a:endParaRPr>
          </a:p>
          <a:p>
            <a:pPr marL="12700" lvl="0" indent="-12700">
              <a:lnSpc>
                <a:spcPct val="90000"/>
              </a:lnSpc>
              <a:spcBef>
                <a:spcPts val="480"/>
              </a:spcBef>
              <a:buSzPct val="100000"/>
              <a:buFont typeface="Libre Baskerville"/>
              <a:buChar char="❖"/>
              <a:defRPr/>
            </a:pPr>
            <a:r>
              <a:rPr lang="en-US" sz="1600" dirty="0" err="1">
                <a:latin typeface="Libre Baskerville" panose="020B0604020202020204"/>
              </a:rPr>
              <a:t>Noorain</a:t>
            </a:r>
            <a:r>
              <a:rPr lang="en-US" sz="1600" dirty="0">
                <a:latin typeface="Libre Baskerville" panose="020B0604020202020204"/>
              </a:rPr>
              <a:t> Khan’s job list - </a:t>
            </a:r>
            <a:r>
              <a:rPr lang="en-US" sz="1600" u="sng" dirty="0">
                <a:latin typeface="Libre Baskerville" panose="020B0604020202020204"/>
                <a:hlinkClick r:id="rId8"/>
              </a:rPr>
              <a:t>https://tinyletter.com/noorain</a:t>
            </a:r>
            <a:endParaRPr lang="en-US" sz="1600" u="sng" dirty="0">
              <a:latin typeface="Libre Baskerville" panose="020B0604020202020204"/>
            </a:endParaRPr>
          </a:p>
          <a:p>
            <a:pPr marL="12700" lvl="0" indent="-12700">
              <a:lnSpc>
                <a:spcPct val="90000"/>
              </a:lnSpc>
              <a:spcBef>
                <a:spcPts val="480"/>
              </a:spcBef>
              <a:buSzPct val="100000"/>
              <a:buFont typeface="Libre Baskerville"/>
              <a:buChar char="❖"/>
              <a:defRPr/>
            </a:pPr>
            <a:endParaRPr lang="en-US" sz="1600" u="sng" dirty="0">
              <a:latin typeface="Libre Baskerville" panose="020B0604020202020204"/>
            </a:endParaRPr>
          </a:p>
          <a:p>
            <a:pPr marL="12700" lvl="0" indent="-12700">
              <a:lnSpc>
                <a:spcPct val="90000"/>
              </a:lnSpc>
              <a:spcBef>
                <a:spcPts val="480"/>
              </a:spcBef>
              <a:buSzPct val="100000"/>
              <a:buFont typeface="Libre Baskerville"/>
              <a:buChar char="❖"/>
              <a:defRPr/>
            </a:pPr>
            <a:endParaRPr lang="en-US" sz="1600" dirty="0">
              <a:latin typeface="Libre Baskerville" panose="020B0604020202020204"/>
            </a:endParaRPr>
          </a:p>
          <a:p>
            <a:pPr marL="12700" lvl="0" indent="-12700">
              <a:lnSpc>
                <a:spcPct val="90000"/>
              </a:lnSpc>
              <a:spcBef>
                <a:spcPts val="480"/>
              </a:spcBef>
              <a:buSzPct val="100000"/>
              <a:buFont typeface="Libre Baskerville"/>
              <a:buChar char="❖"/>
              <a:defRPr/>
            </a:pPr>
            <a:r>
              <a:rPr lang="en-US" sz="1600" dirty="0">
                <a:latin typeface="Libre Baskerville" panose="020B0604020202020204"/>
              </a:rPr>
              <a:t>Chronicle of Philanthropy’s job list - </a:t>
            </a:r>
            <a:r>
              <a:rPr lang="en-US" sz="1600" u="sng" dirty="0">
                <a:latin typeface="Libre Baskerville" panose="020B0604020202020204"/>
                <a:hlinkClick r:id="rId9"/>
              </a:rPr>
              <a:t>https://www.philanthropy.com/jobs</a:t>
            </a:r>
            <a:endParaRPr lang="en-US" sz="1600" u="sng" dirty="0">
              <a:latin typeface="Libre Baskerville" panose="020B0604020202020204"/>
            </a:endParaRPr>
          </a:p>
          <a:p>
            <a:pPr marL="12700" lvl="0" indent="-12700">
              <a:lnSpc>
                <a:spcPct val="90000"/>
              </a:lnSpc>
              <a:spcBef>
                <a:spcPts val="480"/>
              </a:spcBef>
              <a:buSzPct val="100000"/>
              <a:buFont typeface="Libre Baskerville"/>
              <a:buChar char="❖"/>
              <a:defRPr/>
            </a:pPr>
            <a:r>
              <a:rPr lang="en-US" sz="1600" dirty="0">
                <a:latin typeface="Libre Baskerville" panose="020B0604020202020204"/>
              </a:rPr>
              <a:t>CHANGE Philanthropy - </a:t>
            </a:r>
            <a:r>
              <a:rPr lang="en-US" sz="1600" u="sng" dirty="0">
                <a:latin typeface="Libre Baskerville" panose="020B0604020202020204"/>
                <a:hlinkClick r:id="rId10"/>
              </a:rPr>
              <a:t>http://changephilanthropy.org/our-work/job-bank/</a:t>
            </a:r>
            <a:endParaRPr lang="en-US" sz="1600" u="sng" dirty="0">
              <a:latin typeface="Libre Baskerville" panose="020B0604020202020204"/>
            </a:endParaRPr>
          </a:p>
          <a:p>
            <a:pPr marL="12700" lvl="0" indent="-12700">
              <a:lnSpc>
                <a:spcPct val="90000"/>
              </a:lnSpc>
              <a:spcBef>
                <a:spcPts val="480"/>
              </a:spcBef>
              <a:buSzPct val="100000"/>
              <a:buFont typeface="Libre Baskerville"/>
              <a:buChar char="❖"/>
              <a:defRPr/>
            </a:pPr>
            <a:r>
              <a:rPr lang="en-US" sz="1600" dirty="0">
                <a:latin typeface="Libre Baskerville" panose="020B0604020202020204"/>
              </a:rPr>
              <a:t>Philanthropy training - </a:t>
            </a:r>
            <a:r>
              <a:rPr lang="en-US" sz="1600" dirty="0">
                <a:latin typeface="Libre Baskerville" panose="020B0604020202020204"/>
                <a:hlinkClick r:id="rId11"/>
              </a:rPr>
              <a:t>https://grantspace.org/training/</a:t>
            </a:r>
            <a:r>
              <a:rPr lang="en-US" sz="1600" dirty="0">
                <a:latin typeface="Libre Baskerville" panose="020B0604020202020204"/>
              </a:rPr>
              <a:t> </a:t>
            </a:r>
          </a:p>
          <a:p>
            <a:pPr marL="12700" lvl="0" indent="-12700">
              <a:lnSpc>
                <a:spcPct val="90000"/>
              </a:lnSpc>
              <a:spcBef>
                <a:spcPts val="480"/>
              </a:spcBef>
              <a:buSzPct val="100000"/>
              <a:buFont typeface="Libre Baskerville"/>
              <a:buChar char="❖"/>
              <a:defRPr/>
            </a:pPr>
            <a:r>
              <a:rPr lang="en-US" sz="1600" dirty="0">
                <a:latin typeface="Libre Baskerville" panose="020B0604020202020204"/>
              </a:rPr>
              <a:t>Washington Regional Association of Grantmakers Jobs - </a:t>
            </a:r>
            <a:r>
              <a:rPr lang="en-US" sz="1600" dirty="0">
                <a:latin typeface="Libre Baskerville" panose="020B0604020202020204"/>
                <a:hlinkClick r:id="rId12"/>
              </a:rPr>
              <a:t>https://www.washingtongrantmakers.org/jobs</a:t>
            </a:r>
            <a:r>
              <a:rPr lang="en-US" sz="1600" dirty="0">
                <a:latin typeface="Libre Baskerville" panose="020B0604020202020204"/>
              </a:rPr>
              <a:t> </a:t>
            </a:r>
          </a:p>
          <a:p>
            <a:endParaRPr lang="en-US" sz="1600" dirty="0"/>
          </a:p>
          <a:p>
            <a:endParaRPr lang="en-US" sz="1600" dirty="0"/>
          </a:p>
          <a:p>
            <a:endParaRPr lang="en-US" sz="1500" dirty="0">
              <a:latin typeface="Libre Baskerville"/>
            </a:endParaRPr>
          </a:p>
          <a:p>
            <a:endParaRPr lang="en-US" sz="1500" dirty="0">
              <a:latin typeface="Libre Baskerville"/>
            </a:endParaRPr>
          </a:p>
          <a:p>
            <a:endParaRPr lang="en-US" sz="1500" dirty="0">
              <a:latin typeface="Libre Baskerville"/>
            </a:endParaRPr>
          </a:p>
        </p:txBody>
      </p:sp>
      <p:sp>
        <p:nvSpPr>
          <p:cNvPr id="4" name="Slide Number Placeholder 3">
            <a:extLst>
              <a:ext uri="{FF2B5EF4-FFF2-40B4-BE49-F238E27FC236}">
                <a16:creationId xmlns:a16="http://schemas.microsoft.com/office/drawing/2014/main" id="{11E6A308-87D9-403B-9460-BF46CD44362C}"/>
              </a:ext>
            </a:extLst>
          </p:cNvPr>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DD6B0BE3-79B2-4C48-BEC6-CF1237735459}"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17</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spTree>
    <p:extLst>
      <p:ext uri="{BB962C8B-B14F-4D97-AF65-F5344CB8AC3E}">
        <p14:creationId xmlns:p14="http://schemas.microsoft.com/office/powerpoint/2010/main" val="3506006965"/>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Shape 358"/>
        <p:cNvGrpSpPr/>
        <p:nvPr/>
      </p:nvGrpSpPr>
      <p:grpSpPr>
        <a:xfrm>
          <a:off x="0" y="0"/>
          <a:ext cx="0" cy="0"/>
          <a:chOff x="0" y="0"/>
          <a:chExt cx="0" cy="0"/>
        </a:xfrm>
      </p:grpSpPr>
      <p:sp>
        <p:nvSpPr>
          <p:cNvPr id="361" name="Shape 361"/>
          <p:cNvSpPr txBox="1"/>
          <p:nvPr/>
        </p:nvSpPr>
        <p:spPr>
          <a:xfrm>
            <a:off x="7291" y="1295400"/>
            <a:ext cx="4564710" cy="5455778"/>
          </a:xfrm>
          <a:prstGeom prst="rect">
            <a:avLst/>
          </a:prstGeom>
          <a:noFill/>
          <a:ln>
            <a:noFill/>
          </a:ln>
        </p:spPr>
        <p:txBody>
          <a:bodyPr wrap="square" lIns="91266" tIns="45622" rIns="91266" bIns="45622" anchor="t" anchorCtr="0">
            <a:noAutofit/>
          </a:bodyPr>
          <a:lstStyle/>
          <a:p>
            <a:r>
              <a:rPr lang="en-US" sz="1500" dirty="0">
                <a:latin typeface="Libre Baskerville"/>
                <a:hlinkClick r:id="rId3"/>
              </a:rPr>
              <a:t>Asian Americans/Pacific Islanders in Philanthropy</a:t>
            </a:r>
            <a:endParaRPr lang="en-US" sz="1500" dirty="0">
              <a:latin typeface="Libre Baskerville"/>
            </a:endParaRPr>
          </a:p>
          <a:p>
            <a:r>
              <a:rPr lang="en-US" sz="1500" dirty="0">
                <a:latin typeface="Libre Baskerville"/>
                <a:hlinkClick r:id="rId4"/>
              </a:rPr>
              <a:t>Association of Black Foundation Executives (ABFE)</a:t>
            </a:r>
            <a:endParaRPr lang="en-US" sz="1500" dirty="0">
              <a:latin typeface="Libre Baskerville"/>
            </a:endParaRPr>
          </a:p>
          <a:p>
            <a:r>
              <a:rPr lang="en-US" sz="1500" dirty="0" err="1">
                <a:latin typeface="Libre Baskerville"/>
                <a:hlinkClick r:id="rId5"/>
              </a:rPr>
              <a:t>BoardSource</a:t>
            </a:r>
            <a:endParaRPr lang="en-US" sz="1500" dirty="0">
              <a:latin typeface="Libre Baskerville"/>
            </a:endParaRPr>
          </a:p>
          <a:p>
            <a:r>
              <a:rPr lang="en-US" sz="1500" dirty="0">
                <a:latin typeface="Libre Baskerville"/>
                <a:hlinkClick r:id="rId6"/>
              </a:rPr>
              <a:t>California Endowment</a:t>
            </a:r>
            <a:endParaRPr lang="en-US" sz="1500" dirty="0">
              <a:latin typeface="Libre Baskerville"/>
            </a:endParaRPr>
          </a:p>
          <a:p>
            <a:r>
              <a:rPr lang="en-US" sz="1500" dirty="0">
                <a:latin typeface="Libre Baskerville"/>
                <a:hlinkClick r:id="rId7"/>
              </a:rPr>
              <a:t>Center for Disaster Philosophy</a:t>
            </a:r>
            <a:endParaRPr lang="en-US" sz="1500" dirty="0">
              <a:latin typeface="Libre Baskerville"/>
            </a:endParaRPr>
          </a:p>
          <a:p>
            <a:r>
              <a:rPr lang="en-US" sz="1500" dirty="0">
                <a:latin typeface="Libre Baskerville"/>
                <a:hlinkClick r:id="rId8"/>
              </a:rPr>
              <a:t>Center for Effective Philanthropy</a:t>
            </a:r>
            <a:endParaRPr lang="en-US" sz="1500" dirty="0">
              <a:latin typeface="Libre Baskerville"/>
            </a:endParaRPr>
          </a:p>
          <a:p>
            <a:r>
              <a:rPr lang="en-US" sz="1500" dirty="0">
                <a:latin typeface="Libre Baskerville"/>
                <a:hlinkClick r:id="rId9"/>
              </a:rPr>
              <a:t>Confluence Philanthropy</a:t>
            </a:r>
            <a:endParaRPr lang="en-US" sz="1500" dirty="0">
              <a:latin typeface="Libre Baskerville"/>
            </a:endParaRPr>
          </a:p>
          <a:p>
            <a:r>
              <a:rPr lang="en-US" sz="1500" dirty="0">
                <a:latin typeface="Libre Baskerville"/>
                <a:hlinkClick r:id="rId10"/>
              </a:rPr>
              <a:t>Emerging Practitioners in Philanthropy</a:t>
            </a:r>
            <a:endParaRPr lang="en-US" sz="1500" dirty="0">
              <a:latin typeface="Libre Baskerville"/>
            </a:endParaRPr>
          </a:p>
          <a:p>
            <a:r>
              <a:rPr lang="en-US" sz="1500" dirty="0">
                <a:latin typeface="Libre Baskerville"/>
                <a:hlinkClick r:id="rId11"/>
              </a:rPr>
              <a:t>Environmental Grantmakers Association</a:t>
            </a:r>
            <a:endParaRPr lang="en-US" sz="1500" dirty="0">
              <a:latin typeface="Libre Baskerville"/>
            </a:endParaRPr>
          </a:p>
          <a:p>
            <a:r>
              <a:rPr lang="en-US" sz="1500" dirty="0">
                <a:latin typeface="Libre Baskerville"/>
                <a:hlinkClick r:id="rId12"/>
              </a:rPr>
              <a:t>Exponent Philanthropy</a:t>
            </a:r>
            <a:endParaRPr lang="en-US" sz="1500" dirty="0">
              <a:latin typeface="Libre Baskerville"/>
            </a:endParaRPr>
          </a:p>
          <a:p>
            <a:r>
              <a:rPr lang="en-US" sz="1500" dirty="0">
                <a:latin typeface="Libre Baskerville"/>
                <a:hlinkClick r:id="rId13"/>
              </a:rPr>
              <a:t>Foundation Center</a:t>
            </a:r>
            <a:endParaRPr lang="en-US" sz="1500" dirty="0">
              <a:latin typeface="Libre Baskerville"/>
            </a:endParaRPr>
          </a:p>
          <a:p>
            <a:r>
              <a:rPr lang="en-US" sz="1500" dirty="0">
                <a:latin typeface="Libre Baskerville"/>
                <a:hlinkClick r:id="rId14"/>
              </a:rPr>
              <a:t>Funders' Committee for Civic Participation</a:t>
            </a:r>
            <a:endParaRPr lang="en-US" sz="1500" dirty="0">
              <a:latin typeface="Libre Baskerville"/>
            </a:endParaRPr>
          </a:p>
          <a:p>
            <a:r>
              <a:rPr lang="en-US" sz="1500" dirty="0">
                <a:latin typeface="Libre Baskerville"/>
                <a:hlinkClick r:id="rId15"/>
              </a:rPr>
              <a:t>Grantmakers Concerned with Immigrants &amp; Refugees</a:t>
            </a:r>
            <a:endParaRPr lang="en-US" sz="1500" dirty="0">
              <a:latin typeface="Libre Baskerville"/>
            </a:endParaRPr>
          </a:p>
          <a:p>
            <a:r>
              <a:rPr lang="en-US" sz="1500" dirty="0">
                <a:latin typeface="Libre Baskerville"/>
                <a:hlinkClick r:id="rId16"/>
              </a:rPr>
              <a:t>Grantmakers for Education</a:t>
            </a:r>
            <a:endParaRPr lang="en-US" sz="1500" dirty="0">
              <a:latin typeface="Libre Baskerville"/>
            </a:endParaRPr>
          </a:p>
          <a:p>
            <a:r>
              <a:rPr lang="en-US" sz="1500" dirty="0">
                <a:latin typeface="Libre Baskerville"/>
                <a:hlinkClick r:id="rId17"/>
              </a:rPr>
              <a:t>Grantmakers for Effective Organization</a:t>
            </a:r>
            <a:endParaRPr lang="en-US" sz="1500" dirty="0">
              <a:latin typeface="Libre Baskerville"/>
            </a:endParaRPr>
          </a:p>
          <a:p>
            <a:r>
              <a:rPr lang="en-US" sz="1500" dirty="0">
                <a:latin typeface="Libre Baskerville"/>
                <a:hlinkClick r:id="rId18"/>
              </a:rPr>
              <a:t>Grassroots Grantmakers</a:t>
            </a:r>
            <a:endParaRPr lang="en-US" sz="1500" dirty="0">
              <a:latin typeface="Libre Baskerville"/>
            </a:endParaRPr>
          </a:p>
          <a:p>
            <a:r>
              <a:rPr lang="en-US" sz="1500" dirty="0">
                <a:latin typeface="Libre Baskerville"/>
                <a:hlinkClick r:id="rId19"/>
              </a:rPr>
              <a:t>Hispanics in Philanthropy</a:t>
            </a:r>
            <a:endParaRPr lang="en-US" sz="1500" dirty="0">
              <a:latin typeface="Libre Baskerville"/>
            </a:endParaRPr>
          </a:p>
          <a:p>
            <a:r>
              <a:rPr lang="en-US" sz="1500" dirty="0">
                <a:latin typeface="Libre Baskerville"/>
                <a:hlinkClick r:id="rId20"/>
              </a:rPr>
              <a:t>Independent Sector</a:t>
            </a:r>
            <a:endParaRPr lang="en-US" sz="1500" dirty="0">
              <a:latin typeface="Libre Baskerville"/>
            </a:endParaRPr>
          </a:p>
          <a:p>
            <a:r>
              <a:rPr lang="en-US" sz="1500" dirty="0">
                <a:latin typeface="Libre Baskerville"/>
                <a:hlinkClick r:id="rId21"/>
              </a:rPr>
              <a:t>National Center for Family Philanthropy</a:t>
            </a:r>
            <a:endParaRPr lang="en-US" sz="1500" dirty="0">
              <a:latin typeface="Libre Baskerville"/>
            </a:endParaRPr>
          </a:p>
          <a:p>
            <a:r>
              <a:rPr lang="en-US" sz="1500" dirty="0">
                <a:latin typeface="Libre Baskerville"/>
                <a:hlinkClick r:id="rId22"/>
              </a:rPr>
              <a:t>National Council of </a:t>
            </a:r>
            <a:r>
              <a:rPr lang="en-US" sz="1500" dirty="0" err="1">
                <a:latin typeface="Libre Baskerville"/>
                <a:hlinkClick r:id="rId22"/>
              </a:rPr>
              <a:t>NonProfits</a:t>
            </a:r>
            <a:endParaRPr lang="en-US" sz="1500" dirty="0">
              <a:latin typeface="Libre Baskerville"/>
            </a:endParaRPr>
          </a:p>
          <a:p>
            <a:r>
              <a:rPr lang="en-US" sz="1500" dirty="0">
                <a:latin typeface="Libre Baskerville"/>
                <a:hlinkClick r:id="rId23"/>
              </a:rPr>
              <a:t>Philanthropy for Active Civic Engagement</a:t>
            </a:r>
            <a:endParaRPr lang="en-US" sz="1500" dirty="0">
              <a:latin typeface="Libre Baskerville"/>
            </a:endParaRPr>
          </a:p>
          <a:p>
            <a:r>
              <a:rPr lang="en-US" sz="1500" dirty="0">
                <a:latin typeface="Libre Baskerville"/>
                <a:hlinkClick r:id="rId24"/>
              </a:rPr>
              <a:t>United Philanthropy Forum</a:t>
            </a:r>
            <a:endParaRPr lang="en-US" sz="1500" dirty="0">
              <a:latin typeface="Libre Baskerville"/>
            </a:endParaRPr>
          </a:p>
          <a:p>
            <a:pPr marL="12700" marR="0" lvl="0" indent="-12700" algn="l" defTabSz="914400" rtl="0" eaLnBrk="1" fontAlgn="auto" latinLnBrk="0" hangingPunct="1">
              <a:lnSpc>
                <a:spcPct val="90000"/>
              </a:lnSpc>
              <a:spcBef>
                <a:spcPts val="480"/>
              </a:spcBef>
              <a:spcAft>
                <a:spcPts val="0"/>
              </a:spcAft>
              <a:buClr>
                <a:srgbClr val="000000"/>
              </a:buClr>
              <a:buSzPct val="100000"/>
              <a:buFont typeface="Libre Baskerville"/>
              <a:buChar char="❖"/>
              <a:tabLst/>
              <a:defRPr/>
            </a:pPr>
            <a:endParaRPr lang="en-US" sz="1500" u="sng" kern="0" dirty="0">
              <a:solidFill>
                <a:srgbClr val="0000FF"/>
              </a:solidFill>
              <a:latin typeface="Libre Baskerville" panose="020B0604020202020204"/>
              <a:sym typeface="Libre Baskerville"/>
            </a:endParaRPr>
          </a:p>
          <a:p>
            <a:pPr marL="0" marR="0" lvl="0" indent="-17462" algn="ctr" defTabSz="914400" rtl="0" eaLnBrk="1" fontAlgn="auto" latinLnBrk="0" hangingPunct="1">
              <a:lnSpc>
                <a:spcPct val="90000"/>
              </a:lnSpc>
              <a:spcBef>
                <a:spcPts val="480"/>
              </a:spcBef>
              <a:spcAft>
                <a:spcPts val="0"/>
              </a:spcAft>
              <a:buClr>
                <a:srgbClr val="000090"/>
              </a:buClr>
              <a:buSzPct val="25000"/>
              <a:buFontTx/>
              <a:buNone/>
              <a:tabLst/>
              <a:defRPr/>
            </a:pPr>
            <a:endParaRPr kumimoji="0" lang="en-US" sz="1100" b="1" i="0" u="none" strike="noStrike" kern="0" cap="none" spc="0" normalizeH="0" baseline="0" noProof="0" dirty="0">
              <a:ln>
                <a:noFill/>
              </a:ln>
              <a:solidFill>
                <a:srgbClr val="000090"/>
              </a:solidFill>
              <a:effectLst/>
              <a:uLnTx/>
              <a:uFillTx/>
              <a:latin typeface="Libre Baskerville"/>
              <a:ea typeface="Libre Baskerville"/>
              <a:cs typeface="Libre Baskerville"/>
              <a:sym typeface="Libre Baskerville"/>
            </a:endParaRPr>
          </a:p>
          <a:p>
            <a:pPr marL="0" marR="0" lvl="0" indent="-88892" algn="ctr" defTabSz="914400" rtl="0" eaLnBrk="1" fontAlgn="auto" latinLnBrk="0" hangingPunct="1">
              <a:lnSpc>
                <a:spcPct val="100000"/>
              </a:lnSpc>
              <a:spcBef>
                <a:spcPts val="0"/>
              </a:spcBef>
              <a:spcAft>
                <a:spcPts val="0"/>
              </a:spcAft>
              <a:buClr>
                <a:srgbClr val="000000"/>
              </a:buClr>
              <a:buSzTx/>
              <a:buFontTx/>
              <a:buNone/>
              <a:tabLst/>
              <a:defRPr/>
            </a:pPr>
            <a:endParaRPr kumimoji="0" sz="1500" b="1" i="0" u="none" strike="noStrike" kern="0" cap="none" spc="0" normalizeH="0" baseline="0" noProof="0" dirty="0">
              <a:ln>
                <a:noFill/>
              </a:ln>
              <a:solidFill>
                <a:srgbClr val="000090"/>
              </a:solidFill>
              <a:effectLst/>
              <a:uLnTx/>
              <a:uFillTx/>
              <a:latin typeface="Libre Baskerville"/>
              <a:ea typeface="Libre Baskerville"/>
              <a:cs typeface="Libre Baskerville"/>
              <a:sym typeface="Libre Baskerville"/>
            </a:endParaRPr>
          </a:p>
          <a:p>
            <a:pPr marL="0" marR="0" lvl="0" indent="-88892" algn="ctr" defTabSz="914400" rtl="0" eaLnBrk="1" fontAlgn="auto" latinLnBrk="0" hangingPunct="1">
              <a:lnSpc>
                <a:spcPct val="100000"/>
              </a:lnSpc>
              <a:spcBef>
                <a:spcPts val="0"/>
              </a:spcBef>
              <a:spcAft>
                <a:spcPts val="0"/>
              </a:spcAft>
              <a:buClr>
                <a:srgbClr val="000000"/>
              </a:buClr>
              <a:buSzTx/>
              <a:buFontTx/>
              <a:buNone/>
              <a:tabLst/>
              <a:defRPr/>
            </a:pPr>
            <a:endParaRPr kumimoji="0" sz="1500" b="1" i="0" u="none" strike="noStrike" kern="0" cap="none" spc="0" normalizeH="0" baseline="0" noProof="0" dirty="0">
              <a:ln>
                <a:noFill/>
              </a:ln>
              <a:solidFill>
                <a:srgbClr val="000090"/>
              </a:solidFill>
              <a:effectLst/>
              <a:uLnTx/>
              <a:uFillTx/>
              <a:latin typeface="Libre Baskerville"/>
              <a:ea typeface="Libre Baskerville"/>
              <a:cs typeface="Libre Baskerville"/>
              <a:sym typeface="Libre Baskerville"/>
            </a:endParaRPr>
          </a:p>
          <a:p>
            <a:pPr marL="0" marR="0" lvl="0" indent="-88892" algn="ctr" defTabSz="914400" rtl="0" eaLnBrk="1" fontAlgn="auto" latinLnBrk="0" hangingPunct="1">
              <a:lnSpc>
                <a:spcPct val="100000"/>
              </a:lnSpc>
              <a:spcBef>
                <a:spcPts val="0"/>
              </a:spcBef>
              <a:spcAft>
                <a:spcPts val="0"/>
              </a:spcAft>
              <a:buClr>
                <a:srgbClr val="000000"/>
              </a:buClr>
              <a:buSzTx/>
              <a:buFontTx/>
              <a:buNone/>
              <a:tabLst/>
              <a:defRPr/>
            </a:pPr>
            <a:endParaRPr kumimoji="0" sz="1500" b="1" i="0" u="none" strike="noStrike" kern="0" cap="none" spc="0" normalizeH="0" baseline="0" noProof="0" dirty="0">
              <a:ln>
                <a:noFill/>
              </a:ln>
              <a:solidFill>
                <a:srgbClr val="000090"/>
              </a:solidFill>
              <a:effectLst/>
              <a:uLnTx/>
              <a:uFillTx/>
              <a:latin typeface="Libre Baskerville"/>
              <a:ea typeface="Libre Baskerville"/>
              <a:cs typeface="Libre Baskerville"/>
              <a:sym typeface="Libre Baskerville"/>
            </a:endParaRPr>
          </a:p>
          <a:p>
            <a:pPr marL="0" marR="0" lvl="0" indent="-88892" algn="ctr" defTabSz="914400" rtl="0" eaLnBrk="1" fontAlgn="auto" latinLnBrk="0" hangingPunct="1">
              <a:lnSpc>
                <a:spcPct val="100000"/>
              </a:lnSpc>
              <a:spcBef>
                <a:spcPts val="0"/>
              </a:spcBef>
              <a:spcAft>
                <a:spcPts val="0"/>
              </a:spcAft>
              <a:buClr>
                <a:srgbClr val="000000"/>
              </a:buClr>
              <a:buSzTx/>
              <a:buFontTx/>
              <a:buNone/>
              <a:tabLst/>
              <a:defRPr/>
            </a:pPr>
            <a:endParaRPr kumimoji="0" sz="1500" b="1" i="0" u="none" strike="noStrike" kern="0" cap="none" spc="0" normalizeH="0" baseline="0" noProof="0" dirty="0">
              <a:ln>
                <a:noFill/>
              </a:ln>
              <a:solidFill>
                <a:srgbClr val="000090"/>
              </a:solidFill>
              <a:effectLst/>
              <a:uLnTx/>
              <a:uFillTx/>
              <a:latin typeface="Libre Baskerville"/>
              <a:ea typeface="Libre Baskerville"/>
              <a:cs typeface="Libre Baskerville"/>
              <a:sym typeface="Libre Baskerville"/>
            </a:endParaRPr>
          </a:p>
          <a:p>
            <a:pPr marL="0" marR="0" lvl="0" indent="-88892" algn="ctr" defTabSz="914400" rtl="0" eaLnBrk="1" fontAlgn="auto" latinLnBrk="0" hangingPunct="1">
              <a:lnSpc>
                <a:spcPct val="100000"/>
              </a:lnSpc>
              <a:spcBef>
                <a:spcPts val="0"/>
              </a:spcBef>
              <a:spcAft>
                <a:spcPts val="0"/>
              </a:spcAft>
              <a:buClr>
                <a:srgbClr val="000000"/>
              </a:buClr>
              <a:buSzTx/>
              <a:buFontTx/>
              <a:buNone/>
              <a:tabLst/>
              <a:defRPr/>
            </a:pPr>
            <a:endParaRPr kumimoji="0" sz="1500" b="1" i="0" u="none" strike="noStrike" kern="0" cap="none" spc="0" normalizeH="0" baseline="0" noProof="0" dirty="0">
              <a:ln>
                <a:noFill/>
              </a:ln>
              <a:solidFill>
                <a:srgbClr val="000090"/>
              </a:solidFill>
              <a:effectLst/>
              <a:uLnTx/>
              <a:uFillTx/>
              <a:latin typeface="Libre Baskerville"/>
              <a:ea typeface="Libre Baskerville"/>
              <a:cs typeface="Libre Baskerville"/>
              <a:sym typeface="Libre Baskerville"/>
            </a:endParaRPr>
          </a:p>
          <a:p>
            <a:pPr marL="0" marR="0" lvl="0" indent="-88892" algn="l" defTabSz="914400" rtl="0" eaLnBrk="1" fontAlgn="auto" latinLnBrk="0" hangingPunct="1">
              <a:lnSpc>
                <a:spcPct val="90000"/>
              </a:lnSpc>
              <a:spcBef>
                <a:spcPts val="480"/>
              </a:spcBef>
              <a:spcAft>
                <a:spcPts val="0"/>
              </a:spcAft>
              <a:buClr>
                <a:srgbClr val="000000"/>
              </a:buClr>
              <a:buSzTx/>
              <a:buFontTx/>
              <a:buNone/>
              <a:tabLst/>
              <a:defRPr/>
            </a:pPr>
            <a:endParaRPr kumimoji="0" sz="1500" b="0" i="0" u="none" strike="noStrike" kern="0" cap="none" spc="0" normalizeH="0" baseline="0" noProof="0" dirty="0">
              <a:ln>
                <a:noFill/>
              </a:ln>
              <a:solidFill>
                <a:srgbClr val="000000"/>
              </a:solidFill>
              <a:effectLst/>
              <a:uLnTx/>
              <a:uFillTx/>
              <a:latin typeface="Libre Baskerville"/>
              <a:ea typeface="Libre Baskerville"/>
              <a:cs typeface="Libre Baskerville"/>
              <a:sym typeface="Libre Baskerville"/>
            </a:endParaRPr>
          </a:p>
          <a:p>
            <a:pPr marL="0" marR="0" lvl="0" indent="-88892" algn="l" defTabSz="914400" rtl="0" eaLnBrk="1" fontAlgn="auto" latinLnBrk="0" hangingPunct="1">
              <a:lnSpc>
                <a:spcPct val="90000"/>
              </a:lnSpc>
              <a:spcBef>
                <a:spcPts val="480"/>
              </a:spcBef>
              <a:spcAft>
                <a:spcPts val="0"/>
              </a:spcAft>
              <a:buClr>
                <a:srgbClr val="000000"/>
              </a:buClr>
              <a:buSzTx/>
              <a:buFontTx/>
              <a:buNone/>
              <a:tabLst/>
              <a:defRPr/>
            </a:pPr>
            <a:endParaRPr kumimoji="0" sz="1500" b="0" i="0" u="sng" strike="noStrike" kern="0" cap="none" spc="0" normalizeH="0" baseline="0" noProof="0" dirty="0">
              <a:ln>
                <a:noFill/>
              </a:ln>
              <a:solidFill>
                <a:srgbClr val="0000FF"/>
              </a:solidFill>
              <a:effectLst/>
              <a:uLnTx/>
              <a:uFillTx/>
              <a:latin typeface="Libre Baskerville"/>
              <a:ea typeface="Libre Baskerville"/>
              <a:cs typeface="Libre Baskerville"/>
              <a:sym typeface="Libre Baskerville"/>
              <a:hlinkClick r:id="rId25"/>
            </a:endParaRPr>
          </a:p>
          <a:p>
            <a:pPr marL="0" marR="0" lvl="0" indent="-88892" algn="l" defTabSz="914400" rtl="0" eaLnBrk="1" fontAlgn="auto" latinLnBrk="0" hangingPunct="1">
              <a:lnSpc>
                <a:spcPct val="100000"/>
              </a:lnSpc>
              <a:spcBef>
                <a:spcPts val="480"/>
              </a:spcBef>
              <a:spcAft>
                <a:spcPts val="0"/>
              </a:spcAft>
              <a:buClr>
                <a:srgbClr val="000000"/>
              </a:buClr>
              <a:buSzTx/>
              <a:buFontTx/>
              <a:buNone/>
              <a:tabLst/>
              <a:defRPr/>
            </a:pPr>
            <a:endParaRPr kumimoji="0" sz="1500" b="0" i="0" u="sng" strike="noStrike" kern="0" cap="none" spc="0" normalizeH="0" baseline="0" noProof="0" dirty="0">
              <a:ln>
                <a:noFill/>
              </a:ln>
              <a:solidFill>
                <a:srgbClr val="0000FF"/>
              </a:solidFill>
              <a:effectLst/>
              <a:uLnTx/>
              <a:uFillTx/>
              <a:latin typeface="Libre Baskerville"/>
              <a:ea typeface="Libre Baskerville"/>
              <a:cs typeface="Libre Baskerville"/>
              <a:sym typeface="Libre Baskerville"/>
              <a:hlinkClick r:id="rId25"/>
            </a:endParaRPr>
          </a:p>
        </p:txBody>
      </p:sp>
      <p:sp>
        <p:nvSpPr>
          <p:cNvPr id="2" name="Title 1">
            <a:extLst>
              <a:ext uri="{FF2B5EF4-FFF2-40B4-BE49-F238E27FC236}">
                <a16:creationId xmlns:a16="http://schemas.microsoft.com/office/drawing/2014/main" id="{E337D52D-CBA8-4408-8912-643561398E85}"/>
              </a:ext>
            </a:extLst>
          </p:cNvPr>
          <p:cNvSpPr>
            <a:spLocks noGrp="1"/>
          </p:cNvSpPr>
          <p:nvPr>
            <p:ph type="title" idx="4294967295"/>
          </p:nvPr>
        </p:nvSpPr>
        <p:spPr>
          <a:xfrm>
            <a:off x="4238033" y="79519"/>
            <a:ext cx="4375879" cy="688634"/>
          </a:xfrm>
        </p:spPr>
        <p:txBody>
          <a:bodyPr/>
          <a:lstStyle/>
          <a:p>
            <a:pPr algn="r" rtl="0"/>
            <a:r>
              <a:rPr lang="en-US" sz="3200" b="1" dirty="0">
                <a:solidFill>
                  <a:srgbClr val="FFFFFF"/>
                </a:solidFill>
                <a:latin typeface="Calibri" panose="020F0502020204030204" pitchFamily="34" charset="0"/>
                <a:cs typeface="Calibri" panose="020F0502020204030204" pitchFamily="34" charset="0"/>
              </a:rPr>
              <a:t>Philanthropy Serving Organizations </a:t>
            </a:r>
            <a:endParaRPr lang="en-US" sz="3200" b="1" dirty="0">
              <a:effectLst/>
              <a:latin typeface="Calibri" panose="020F0502020204030204" pitchFamily="34" charset="0"/>
              <a:cs typeface="Calibri" panose="020F0502020204030204" pitchFamily="34" charset="0"/>
            </a:endParaRPr>
          </a:p>
          <a:p>
            <a:endParaRPr lang="en-US" sz="3200" dirty="0">
              <a:latin typeface="Calibri" panose="020F0502020204030204" pitchFamily="34" charset="0"/>
              <a:cs typeface="Calibri" panose="020F0502020204030204" pitchFamily="34" charset="0"/>
            </a:endParaRPr>
          </a:p>
        </p:txBody>
      </p:sp>
      <p:sp>
        <p:nvSpPr>
          <p:cNvPr id="3" name="Rectangle 2">
            <a:extLst>
              <a:ext uri="{FF2B5EF4-FFF2-40B4-BE49-F238E27FC236}">
                <a16:creationId xmlns:a16="http://schemas.microsoft.com/office/drawing/2014/main" id="{6E50319A-2950-400B-A48D-A7D3DF21F641}"/>
              </a:ext>
            </a:extLst>
          </p:cNvPr>
          <p:cNvSpPr/>
          <p:nvPr/>
        </p:nvSpPr>
        <p:spPr>
          <a:xfrm>
            <a:off x="5456684" y="1637533"/>
            <a:ext cx="3157228" cy="5740546"/>
          </a:xfrm>
          <a:prstGeom prst="rect">
            <a:avLst/>
          </a:prstGeom>
        </p:spPr>
        <p:txBody>
          <a:bodyPr wrap="square">
            <a:spAutoFit/>
          </a:bodyPr>
          <a:lstStyle/>
          <a:p>
            <a:pPr lvl="0" indent="-17462" algn="ctr" defTabSz="914400">
              <a:lnSpc>
                <a:spcPct val="90000"/>
              </a:lnSpc>
              <a:spcBef>
                <a:spcPts val="480"/>
              </a:spcBef>
              <a:buClr>
                <a:srgbClr val="000090"/>
              </a:buClr>
              <a:buSzPct val="25000"/>
              <a:defRPr/>
            </a:pPr>
            <a:r>
              <a:rPr lang="en-US" b="1" kern="0" dirty="0">
                <a:solidFill>
                  <a:srgbClr val="000090"/>
                </a:solidFill>
                <a:latin typeface="Libre Baskerville"/>
                <a:ea typeface="Libre Baskerville"/>
                <a:cs typeface="Libre Baskerville"/>
                <a:sym typeface="Libre Baskerville"/>
              </a:rPr>
              <a:t>Jennifer Laszlo Mizrahi</a:t>
            </a:r>
          </a:p>
          <a:p>
            <a:pPr lvl="0" indent="-17462" algn="ctr" defTabSz="914400">
              <a:lnSpc>
                <a:spcPct val="90000"/>
              </a:lnSpc>
              <a:spcBef>
                <a:spcPts val="480"/>
              </a:spcBef>
              <a:buClr>
                <a:srgbClr val="0000FF"/>
              </a:buClr>
              <a:buSzPct val="25000"/>
              <a:defRPr/>
            </a:pPr>
            <a:r>
              <a:rPr lang="en-US" b="1" u="sng" kern="0" dirty="0">
                <a:solidFill>
                  <a:srgbClr val="0000FF"/>
                </a:solidFill>
                <a:latin typeface="Libre Baskerville"/>
                <a:ea typeface="Libre Baskerville"/>
                <a:cs typeface="Libre Baskerville"/>
                <a:sym typeface="Libre Baskerville"/>
                <a:hlinkClick r:id="rId26"/>
              </a:rPr>
              <a:t>www.RespectAbility.org</a:t>
            </a:r>
          </a:p>
          <a:p>
            <a:pPr lvl="0" indent="-17462" algn="ctr" defTabSz="914400">
              <a:lnSpc>
                <a:spcPct val="90000"/>
              </a:lnSpc>
              <a:spcBef>
                <a:spcPts val="480"/>
              </a:spcBef>
              <a:buClr>
                <a:srgbClr val="000090"/>
              </a:buClr>
              <a:buSzPct val="25000"/>
              <a:defRPr/>
            </a:pPr>
            <a:r>
              <a:rPr lang="en-US" b="1" kern="0" dirty="0">
                <a:solidFill>
                  <a:srgbClr val="000090"/>
                </a:solidFill>
                <a:latin typeface="Libre Baskerville"/>
                <a:ea typeface="Libre Baskerville"/>
                <a:cs typeface="Libre Baskerville"/>
                <a:sym typeface="Libre Baskerville"/>
              </a:rPr>
              <a:t>Cell: (202) 365-0787</a:t>
            </a:r>
          </a:p>
          <a:p>
            <a:pPr lvl="0" indent="-17462" algn="ctr" defTabSz="914400">
              <a:lnSpc>
                <a:spcPct val="90000"/>
              </a:lnSpc>
              <a:spcBef>
                <a:spcPts val="480"/>
              </a:spcBef>
              <a:buClr>
                <a:srgbClr val="0000FF"/>
              </a:buClr>
              <a:buSzPct val="25000"/>
              <a:defRPr/>
            </a:pPr>
            <a:r>
              <a:rPr lang="en-US" b="1" u="sng" kern="0" dirty="0">
                <a:solidFill>
                  <a:srgbClr val="0000FF"/>
                </a:solidFill>
                <a:latin typeface="Libre Baskerville"/>
                <a:ea typeface="Libre Baskerville"/>
                <a:cs typeface="Libre Baskerville"/>
                <a:sym typeface="Libre Baskerville"/>
                <a:hlinkClick r:id="rId27"/>
              </a:rPr>
              <a:t>JenniferM@RespectAbility.org</a:t>
            </a:r>
          </a:p>
          <a:p>
            <a:pPr lvl="0" indent="-17462" algn="ctr" defTabSz="914400">
              <a:lnSpc>
                <a:spcPct val="90000"/>
              </a:lnSpc>
              <a:spcBef>
                <a:spcPts val="480"/>
              </a:spcBef>
              <a:buClr>
                <a:srgbClr val="000090"/>
              </a:buClr>
              <a:buSzPct val="25000"/>
              <a:defRPr/>
            </a:pPr>
            <a:r>
              <a:rPr lang="en-US" b="1" kern="0" dirty="0">
                <a:solidFill>
                  <a:srgbClr val="000090"/>
                </a:solidFill>
                <a:latin typeface="Libre Baskerville"/>
                <a:ea typeface="Libre Baskerville"/>
                <a:cs typeface="Libre Baskerville"/>
                <a:sym typeface="Libre Baskerville"/>
              </a:rPr>
              <a:t>Twitter: </a:t>
            </a:r>
            <a:r>
              <a:rPr lang="en-US" b="1" u="sng" kern="0" dirty="0">
                <a:solidFill>
                  <a:srgbClr val="0000FF"/>
                </a:solidFill>
                <a:latin typeface="Libre Baskerville"/>
                <a:ea typeface="Libre Baskerville"/>
                <a:cs typeface="Libre Baskerville"/>
                <a:sym typeface="Libre Baskerville"/>
                <a:hlinkClick r:id="rId28"/>
              </a:rPr>
              <a:t>@</a:t>
            </a:r>
            <a:r>
              <a:rPr lang="en-US" b="1" u="sng" kern="0" dirty="0" err="1">
                <a:solidFill>
                  <a:srgbClr val="0000FF"/>
                </a:solidFill>
                <a:latin typeface="Libre Baskerville"/>
                <a:ea typeface="Libre Baskerville"/>
                <a:cs typeface="Libre Baskerville"/>
                <a:sym typeface="Libre Baskerville"/>
                <a:hlinkClick r:id="rId28"/>
              </a:rPr>
              <a:t>respect_ability</a:t>
            </a:r>
            <a:r>
              <a:rPr lang="en-US" b="1" u="sng" kern="0" dirty="0">
                <a:solidFill>
                  <a:srgbClr val="0000FF"/>
                </a:solidFill>
                <a:latin typeface="Libre Baskerville"/>
                <a:ea typeface="Libre Baskerville"/>
                <a:cs typeface="Libre Baskerville"/>
                <a:sym typeface="Libre Baskerville"/>
                <a:hlinkClick r:id="rId28"/>
              </a:rPr>
              <a:t> / </a:t>
            </a:r>
            <a:r>
              <a:rPr lang="en-US" b="1" u="sng" kern="0" dirty="0">
                <a:solidFill>
                  <a:srgbClr val="0000FF"/>
                </a:solidFill>
                <a:latin typeface="Libre Baskerville"/>
                <a:ea typeface="Libre Baskerville"/>
                <a:cs typeface="Libre Baskerville"/>
                <a:sym typeface="Libre Baskerville"/>
              </a:rPr>
              <a:t>@</a:t>
            </a:r>
            <a:r>
              <a:rPr lang="en-US" b="1" u="sng" kern="0" dirty="0" err="1">
                <a:solidFill>
                  <a:srgbClr val="0000FF"/>
                </a:solidFill>
                <a:latin typeface="Libre Baskerville"/>
                <a:ea typeface="Libre Baskerville"/>
                <a:cs typeface="Libre Baskerville"/>
                <a:sym typeface="Libre Baskerville"/>
              </a:rPr>
              <a:t>jewishinclusion</a:t>
            </a:r>
            <a:endParaRPr lang="en-US" b="1" u="sng" kern="0" dirty="0">
              <a:solidFill>
                <a:srgbClr val="0000FF"/>
              </a:solidFill>
              <a:latin typeface="Libre Baskerville"/>
              <a:ea typeface="Libre Baskerville"/>
              <a:cs typeface="Libre Baskerville"/>
              <a:sym typeface="Libre Baskerville"/>
            </a:endParaRPr>
          </a:p>
          <a:p>
            <a:pPr lvl="0" indent="-17462" algn="ctr" defTabSz="914400">
              <a:lnSpc>
                <a:spcPct val="90000"/>
              </a:lnSpc>
              <a:spcBef>
                <a:spcPts val="480"/>
              </a:spcBef>
              <a:buClr>
                <a:srgbClr val="000090"/>
              </a:buClr>
              <a:buSzPct val="25000"/>
              <a:defRPr/>
            </a:pPr>
            <a:r>
              <a:rPr lang="en-US" b="1" kern="0" dirty="0">
                <a:solidFill>
                  <a:srgbClr val="000090"/>
                </a:solidFill>
                <a:latin typeface="Libre Baskerville"/>
                <a:ea typeface="Libre Baskerville"/>
                <a:cs typeface="Libre Baskerville"/>
                <a:sym typeface="Libre Baskerville"/>
              </a:rPr>
              <a:t>Facebook: </a:t>
            </a:r>
            <a:r>
              <a:rPr lang="en-US" b="1" u="sng" kern="0" dirty="0">
                <a:solidFill>
                  <a:srgbClr val="0000FF"/>
                </a:solidFill>
                <a:latin typeface="Libre Baskerville"/>
                <a:ea typeface="Libre Baskerville"/>
                <a:cs typeface="Libre Baskerville"/>
                <a:sym typeface="Libre Baskerville"/>
                <a:hlinkClick r:id="rId29"/>
              </a:rPr>
              <a:t>https://www.facebook.com/RespectAbilityUSA</a:t>
            </a:r>
            <a:r>
              <a:rPr lang="en-US" b="1" kern="0" dirty="0">
                <a:solidFill>
                  <a:srgbClr val="000000"/>
                </a:solidFill>
                <a:latin typeface="Libre Baskerville"/>
                <a:ea typeface="Libre Baskerville"/>
                <a:cs typeface="Libre Baskerville"/>
                <a:sym typeface="Libre Baskerville"/>
              </a:rPr>
              <a:t> </a:t>
            </a:r>
            <a:r>
              <a:rPr lang="en-US" b="1" kern="0" dirty="0">
                <a:solidFill>
                  <a:srgbClr val="000090"/>
                </a:solidFill>
                <a:latin typeface="Libre Baskerville"/>
                <a:ea typeface="Libre Baskerville"/>
                <a:cs typeface="Libre Baskerville"/>
                <a:sym typeface="Libre Baskerville"/>
              </a:rPr>
              <a:t>and</a:t>
            </a:r>
            <a:r>
              <a:rPr lang="en-US" b="1" kern="0" dirty="0">
                <a:solidFill>
                  <a:srgbClr val="000000"/>
                </a:solidFill>
                <a:latin typeface="Libre Baskerville"/>
                <a:ea typeface="Libre Baskerville"/>
                <a:cs typeface="Libre Baskerville"/>
                <a:sym typeface="Libre Baskerville"/>
              </a:rPr>
              <a:t> </a:t>
            </a:r>
            <a:r>
              <a:rPr lang="en-US" b="1" u="sng" kern="0" dirty="0">
                <a:solidFill>
                  <a:srgbClr val="0000FF"/>
                </a:solidFill>
                <a:latin typeface="Libre Baskerville"/>
                <a:ea typeface="Libre Baskerville"/>
                <a:cs typeface="Libre Baskerville"/>
                <a:sym typeface="Libre Baskerville"/>
              </a:rPr>
              <a:t>https://www.facebook.com/RespectAbility4All/</a:t>
            </a:r>
          </a:p>
          <a:p>
            <a:pPr lvl="0" indent="-88892" algn="ctr" defTabSz="914400">
              <a:buClr>
                <a:srgbClr val="000000"/>
              </a:buClr>
              <a:defRPr/>
            </a:pPr>
            <a:endParaRPr lang="en-US" sz="2800" b="1" kern="0" dirty="0">
              <a:solidFill>
                <a:srgbClr val="002060"/>
              </a:solidFill>
              <a:latin typeface="Libre Baskerville"/>
              <a:ea typeface="Libre Baskerville"/>
              <a:cs typeface="Libre Baskerville"/>
              <a:sym typeface="Libre Baskerville"/>
            </a:endParaRPr>
          </a:p>
          <a:p>
            <a:pPr lvl="0" indent="-88892" algn="ctr" defTabSz="914400">
              <a:buClr>
                <a:srgbClr val="000000"/>
              </a:buClr>
              <a:defRPr/>
            </a:pPr>
            <a:endParaRPr lang="en-US" sz="2800" b="1" kern="0" dirty="0">
              <a:solidFill>
                <a:srgbClr val="002060"/>
              </a:solidFill>
              <a:latin typeface="Libre Baskerville"/>
              <a:ea typeface="Libre Baskerville"/>
              <a:cs typeface="Libre Baskerville"/>
              <a:sym typeface="Libre Baskerville"/>
            </a:endParaRPr>
          </a:p>
          <a:p>
            <a:pPr lvl="0" indent="-88892" algn="ctr" defTabSz="914400">
              <a:buClr>
                <a:srgbClr val="000000"/>
              </a:buClr>
              <a:defRPr/>
            </a:pPr>
            <a:endParaRPr lang="en-US" sz="2800" b="1" kern="0" dirty="0">
              <a:solidFill>
                <a:srgbClr val="000090"/>
              </a:solidFill>
              <a:latin typeface="Libre Baskerville"/>
              <a:ea typeface="Libre Baskerville"/>
              <a:cs typeface="Libre Baskerville"/>
              <a:sym typeface="Libre Baskerville"/>
            </a:endParaRPr>
          </a:p>
          <a:p>
            <a:pPr lvl="0" indent="-88892" algn="ctr" defTabSz="914400">
              <a:buClr>
                <a:srgbClr val="000000"/>
              </a:buClr>
              <a:defRPr/>
            </a:pPr>
            <a:endParaRPr lang="en-US" sz="2800" b="1" kern="0" dirty="0">
              <a:solidFill>
                <a:srgbClr val="000090"/>
              </a:solidFill>
              <a:latin typeface="Libre Baskerville"/>
              <a:ea typeface="Libre Baskerville"/>
              <a:cs typeface="Libre Baskerville"/>
              <a:sym typeface="Libre Baskerville"/>
            </a:endParaRPr>
          </a:p>
          <a:p>
            <a:pPr lvl="0" indent="-88892" algn="ctr" defTabSz="914400">
              <a:buClr>
                <a:srgbClr val="000000"/>
              </a:buClr>
              <a:defRPr/>
            </a:pPr>
            <a:endParaRPr lang="en-US" sz="2800" b="1" kern="0" dirty="0">
              <a:solidFill>
                <a:srgbClr val="000090"/>
              </a:solidFill>
              <a:latin typeface="Libre Baskerville"/>
              <a:ea typeface="Libre Baskerville"/>
              <a:cs typeface="Libre Baskerville"/>
              <a:sym typeface="Libre Baskerville"/>
            </a:endParaRPr>
          </a:p>
          <a:p>
            <a:pPr lvl="0" indent="-88892" algn="ctr" defTabSz="914400">
              <a:buClr>
                <a:srgbClr val="000000"/>
              </a:buClr>
              <a:defRPr/>
            </a:pPr>
            <a:endParaRPr lang="en-US" sz="2800" b="1" kern="0" dirty="0">
              <a:solidFill>
                <a:srgbClr val="000090"/>
              </a:solidFill>
              <a:latin typeface="Libre Baskerville"/>
              <a:ea typeface="Libre Baskerville"/>
              <a:cs typeface="Libre Baskerville"/>
              <a:sym typeface="Libre Baskerville"/>
            </a:endParaRPr>
          </a:p>
        </p:txBody>
      </p:sp>
    </p:spTree>
    <p:extLst>
      <p:ext uri="{BB962C8B-B14F-4D97-AF65-F5344CB8AC3E}">
        <p14:creationId xmlns:p14="http://schemas.microsoft.com/office/powerpoint/2010/main" val="79539568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F34A034-E5C2-4E99-9B7B-9665E5F75195}"/>
              </a:ext>
            </a:extLst>
          </p:cNvPr>
          <p:cNvSpPr>
            <a:spLocks noGrp="1"/>
          </p:cNvSpPr>
          <p:nvPr>
            <p:ph type="title"/>
          </p:nvPr>
        </p:nvSpPr>
        <p:spPr>
          <a:xfrm>
            <a:off x="5212550" y="380051"/>
            <a:ext cx="3474250" cy="525065"/>
          </a:xfrm>
        </p:spPr>
        <p:txBody>
          <a:bodyPr/>
          <a:lstStyle/>
          <a:p>
            <a:r>
              <a:rPr lang="en-US" sz="3200" b="1" dirty="0">
                <a:solidFill>
                  <a:schemeClr val="bg1"/>
                </a:solidFill>
              </a:rPr>
              <a:t>About Our Speakers</a:t>
            </a:r>
          </a:p>
        </p:txBody>
      </p:sp>
      <p:sp>
        <p:nvSpPr>
          <p:cNvPr id="3" name="Content Placeholder 2">
            <a:extLst>
              <a:ext uri="{FF2B5EF4-FFF2-40B4-BE49-F238E27FC236}">
                <a16:creationId xmlns:a16="http://schemas.microsoft.com/office/drawing/2014/main" id="{5D44A30F-D465-4CF5-A822-A449AB558BA2}"/>
              </a:ext>
            </a:extLst>
          </p:cNvPr>
          <p:cNvSpPr>
            <a:spLocks noGrp="1"/>
          </p:cNvSpPr>
          <p:nvPr>
            <p:ph idx="1"/>
          </p:nvPr>
        </p:nvSpPr>
        <p:spPr>
          <a:xfrm>
            <a:off x="15240" y="1441564"/>
            <a:ext cx="6836134" cy="4800600"/>
          </a:xfrm>
        </p:spPr>
        <p:txBody>
          <a:bodyPr/>
          <a:lstStyle/>
          <a:p>
            <a:pPr marL="114300" indent="0">
              <a:buNone/>
            </a:pPr>
            <a:r>
              <a:rPr lang="en-US" sz="2000" b="1" dirty="0"/>
              <a:t>James Emmett </a:t>
            </a:r>
            <a:r>
              <a:rPr lang="en-US" sz="2000" dirty="0"/>
              <a:t>is one of the most recognizable leaders in the field of disability inclusion. He is currently the Lead Strategist of the Workplace Initiative for the Poses Family Foundation where he oversees strategy development &amp; implementation of projects that impact the area of disability inclusion. James has worked on many of the most visible disability &amp; inclusion projects in the country with companies like Walgreens, Best Buy, Office Depot/Max, PepsiCo, and Mercy Health.</a:t>
            </a:r>
          </a:p>
          <a:p>
            <a:pPr marL="114300" indent="0">
              <a:buNone/>
            </a:pPr>
            <a:endParaRPr lang="en-US" sz="2000" dirty="0"/>
          </a:p>
          <a:p>
            <a:pPr marL="114300" indent="0">
              <a:buNone/>
            </a:pPr>
            <a:r>
              <a:rPr lang="en-US" sz="2000" b="1" dirty="0"/>
              <a:t>Meg O’Connell </a:t>
            </a:r>
            <a:r>
              <a:rPr lang="en-US" sz="2000" dirty="0"/>
              <a:t>has worked with some of the nation’s top brands across a variety of industries and has been implementing and leading disability inclusion efforts for large corporations since the mid-‘90s. She has won numerous awards for her work, developing talent management, consumer solutions, and corporate marketing/branding campaigns, all geared towards including people with disabilities in the workforce as a part of diversity initiatives.</a:t>
            </a:r>
          </a:p>
        </p:txBody>
      </p:sp>
      <p:sp>
        <p:nvSpPr>
          <p:cNvPr id="4" name="Slide Number Placeholder 3">
            <a:extLst>
              <a:ext uri="{FF2B5EF4-FFF2-40B4-BE49-F238E27FC236}">
                <a16:creationId xmlns:a16="http://schemas.microsoft.com/office/drawing/2014/main" id="{188F1B44-BC9A-404E-96DC-488411D52981}"/>
              </a:ext>
            </a:extLst>
          </p:cNvPr>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DD6B0BE3-79B2-4C48-BEC6-CF1237735459}"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2</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pic>
        <p:nvPicPr>
          <p:cNvPr id="5" name="Picture 4" descr="James Emmett PHOTO">
            <a:extLst>
              <a:ext uri="{FF2B5EF4-FFF2-40B4-BE49-F238E27FC236}">
                <a16:creationId xmlns:a16="http://schemas.microsoft.com/office/drawing/2014/main" id="{BE20D68F-F51F-4718-92E0-C6EA44DF470C}"/>
              </a:ext>
            </a:extLst>
          </p:cNvPr>
          <p:cNvPicPr>
            <a:picLocks noChangeAspect="1"/>
          </p:cNvPicPr>
          <p:nvPr/>
        </p:nvPicPr>
        <p:blipFill>
          <a:blip r:embed="rId2"/>
          <a:stretch>
            <a:fillRect/>
          </a:stretch>
        </p:blipFill>
        <p:spPr>
          <a:xfrm>
            <a:off x="6949675" y="1441564"/>
            <a:ext cx="1863762" cy="1863762"/>
          </a:xfrm>
          <a:prstGeom prst="rect">
            <a:avLst/>
          </a:prstGeom>
        </p:spPr>
      </p:pic>
      <p:pic>
        <p:nvPicPr>
          <p:cNvPr id="6" name="Picture 5" descr="Meg O'Connell Photo&#10;">
            <a:extLst>
              <a:ext uri="{FF2B5EF4-FFF2-40B4-BE49-F238E27FC236}">
                <a16:creationId xmlns:a16="http://schemas.microsoft.com/office/drawing/2014/main" id="{F7B57EDA-7A58-4306-8E4F-681DA6CC230C}"/>
              </a:ext>
            </a:extLst>
          </p:cNvPr>
          <p:cNvPicPr>
            <a:picLocks noChangeAspect="1"/>
          </p:cNvPicPr>
          <p:nvPr/>
        </p:nvPicPr>
        <p:blipFill>
          <a:blip r:embed="rId3"/>
          <a:stretch>
            <a:fillRect/>
          </a:stretch>
        </p:blipFill>
        <p:spPr>
          <a:xfrm>
            <a:off x="6949675" y="4220011"/>
            <a:ext cx="1879751" cy="1879751"/>
          </a:xfrm>
          <a:prstGeom prst="rect">
            <a:avLst/>
          </a:prstGeom>
        </p:spPr>
      </p:pic>
    </p:spTree>
    <p:extLst>
      <p:ext uri="{BB962C8B-B14F-4D97-AF65-F5344CB8AC3E}">
        <p14:creationId xmlns:p14="http://schemas.microsoft.com/office/powerpoint/2010/main" val="135389025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289937" y="82844"/>
            <a:ext cx="5710173" cy="1049712"/>
          </a:xfrm>
        </p:spPr>
        <p:txBody>
          <a:bodyPr/>
          <a:lstStyle/>
          <a:p>
            <a:pPr eaLnBrk="1" fontAlgn="auto" hangingPunct="1">
              <a:spcAft>
                <a:spcPts val="0"/>
              </a:spcAft>
              <a:defRPr/>
            </a:pPr>
            <a:r>
              <a:rPr lang="en-US" sz="3200" b="1" dirty="0">
                <a:solidFill>
                  <a:schemeClr val="bg1"/>
                </a:solidFill>
                <a:latin typeface="Calibri" panose="020F0502020204030204" pitchFamily="34" charset="0"/>
                <a:cs typeface="Calibri" panose="020F0502020204030204" pitchFamily="34" charset="0"/>
              </a:rPr>
              <a:t>There are 22 million working age Americans with disabilities</a:t>
            </a:r>
          </a:p>
        </p:txBody>
      </p:sp>
      <p:sp>
        <p:nvSpPr>
          <p:cNvPr id="15364" name="Content Placeholder 1"/>
          <p:cNvSpPr>
            <a:spLocks noGrp="1"/>
          </p:cNvSpPr>
          <p:nvPr>
            <p:ph idx="1"/>
          </p:nvPr>
        </p:nvSpPr>
        <p:spPr bwMode="auto">
          <a:xfrm>
            <a:off x="442211" y="1375347"/>
            <a:ext cx="7620000" cy="4800600"/>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hangingPunct="1"/>
            <a:r>
              <a:rPr lang="en-US" altLang="en-US" sz="2000" dirty="0">
                <a:solidFill>
                  <a:schemeClr val="tx1">
                    <a:lumMod val="65000"/>
                    <a:lumOff val="35000"/>
                  </a:schemeClr>
                </a:solidFill>
                <a:latin typeface="Georgia" panose="02040502050405020303" pitchFamily="18" charset="0"/>
                <a:ea typeface="Georgia" panose="02040502050405020303" pitchFamily="18" charset="0"/>
                <a:cs typeface="Georgia" panose="02040502050405020303" pitchFamily="18" charset="0"/>
              </a:rPr>
              <a:t>There are 56 million people in the U.S. with a disabling condition – representing 22% of the U.S. population.</a:t>
            </a:r>
          </a:p>
        </p:txBody>
      </p:sp>
      <p:sp>
        <p:nvSpPr>
          <p:cNvPr id="15363" name="Slide Number Placeholder 3"/>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ctr" defTabSz="914400" rtl="0" eaLnBrk="1" fontAlgn="base" latinLnBrk="0" hangingPunct="1">
              <a:lnSpc>
                <a:spcPct val="100000"/>
              </a:lnSpc>
              <a:spcBef>
                <a:spcPct val="0"/>
              </a:spcBef>
              <a:spcAft>
                <a:spcPct val="0"/>
              </a:spcAft>
              <a:buClrTx/>
              <a:buSzTx/>
              <a:buFontTx/>
              <a:buNone/>
              <a:tabLst/>
              <a:defRPr/>
            </a:pPr>
            <a:fld id="{41E3A346-3C34-47F1-B1D0-1185F4BBC721}" type="slidenum">
              <a:rPr kumimoji="0" lang="en-US" altLang="en-US" sz="1800" b="0" i="0" u="none" strike="noStrike" kern="1200" cap="none" spc="0" normalizeH="0" baseline="0" noProof="0" smtClean="0">
                <a:ln>
                  <a:noFill/>
                </a:ln>
                <a:solidFill>
                  <a:srgbClr val="49969D"/>
                </a:solidFill>
                <a:effectLst/>
                <a:uLnTx/>
                <a:uFillTx/>
                <a:latin typeface="Cambria" panose="02040503050406030204" pitchFamily="18" charset="0"/>
                <a:ea typeface="Cambria" panose="02040503050406030204" pitchFamily="18" charset="0"/>
                <a:cs typeface="Cambria" panose="02040503050406030204" pitchFamily="18" charset="0"/>
              </a:rPr>
              <a:pPr marL="0" marR="0" lvl="0" indent="0" algn="ctr" defTabSz="914400" rtl="0" eaLnBrk="1" fontAlgn="base" latinLnBrk="0" hangingPunct="1">
                <a:lnSpc>
                  <a:spcPct val="100000"/>
                </a:lnSpc>
                <a:spcBef>
                  <a:spcPct val="0"/>
                </a:spcBef>
                <a:spcAft>
                  <a:spcPct val="0"/>
                </a:spcAft>
                <a:buClrTx/>
                <a:buSzTx/>
                <a:buFontTx/>
                <a:buNone/>
                <a:tabLst/>
                <a:defRPr/>
              </a:pPr>
              <a:t>3</a:t>
            </a:fld>
            <a:endParaRPr kumimoji="0" lang="en-US" altLang="en-US" sz="1800" b="0" i="0" u="none" strike="noStrike" kern="1200" cap="none" spc="0" normalizeH="0" baseline="0" noProof="0">
              <a:ln>
                <a:noFill/>
              </a:ln>
              <a:solidFill>
                <a:srgbClr val="49969D"/>
              </a:solidFill>
              <a:effectLst/>
              <a:uLnTx/>
              <a:uFillTx/>
              <a:latin typeface="Cambria" panose="02040503050406030204" pitchFamily="18" charset="0"/>
              <a:ea typeface="Cambria" panose="02040503050406030204" pitchFamily="18" charset="0"/>
              <a:cs typeface="Cambria" panose="02040503050406030204" pitchFamily="18" charset="0"/>
            </a:endParaRPr>
          </a:p>
        </p:txBody>
      </p:sp>
      <p:sp>
        <p:nvSpPr>
          <p:cNvPr id="10" name="TextBox 29"/>
          <p:cNvSpPr txBox="1">
            <a:spLocks noChangeArrowheads="1"/>
          </p:cNvSpPr>
          <p:nvPr/>
        </p:nvSpPr>
        <p:spPr bwMode="auto">
          <a:xfrm>
            <a:off x="1044460" y="5648329"/>
            <a:ext cx="2689454" cy="4616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a:defRPr>
                <a:solidFill>
                  <a:schemeClr val="tx1"/>
                </a:solidFill>
                <a:latin typeface="Calibri" panose="020F0502020204030204" pitchFamily="34" charset="0"/>
              </a:defRPr>
            </a:lvl1pPr>
            <a:lvl2pPr marL="742950" indent="-285750">
              <a:defRPr>
                <a:solidFill>
                  <a:schemeClr val="tx1"/>
                </a:solidFill>
                <a:latin typeface="Calibri" panose="020F0502020204030204" pitchFamily="34" charset="0"/>
              </a:defRPr>
            </a:lvl2pPr>
            <a:lvl3pPr marL="1143000" indent="-228600">
              <a:defRPr>
                <a:solidFill>
                  <a:schemeClr val="tx1"/>
                </a:solidFill>
                <a:latin typeface="Calibri" panose="020F0502020204030204" pitchFamily="34" charset="0"/>
              </a:defRPr>
            </a:lvl3pPr>
            <a:lvl4pPr marL="1600200" indent="-228600">
              <a:defRPr>
                <a:solidFill>
                  <a:schemeClr val="tx1"/>
                </a:solidFill>
                <a:latin typeface="Calibri" panose="020F0502020204030204" pitchFamily="34" charset="0"/>
              </a:defRPr>
            </a:lvl4pPr>
            <a:lvl5pPr marL="2057400" indent="-228600">
              <a:defRPr>
                <a:solidFill>
                  <a:schemeClr val="tx1"/>
                </a:solidFill>
                <a:latin typeface="Calibri" panose="020F0502020204030204" pitchFamily="34" charset="0"/>
              </a:defRPr>
            </a:lvl5pPr>
            <a:lvl6pPr marL="2514600" indent="-228600" eaLnBrk="0" fontAlgn="base" hangingPunct="0">
              <a:spcBef>
                <a:spcPct val="0"/>
              </a:spcBef>
              <a:spcAft>
                <a:spcPct val="0"/>
              </a:spcAft>
              <a:defRPr>
                <a:solidFill>
                  <a:schemeClr val="tx1"/>
                </a:solidFill>
                <a:latin typeface="Calibri" panose="020F0502020204030204" pitchFamily="34" charset="0"/>
              </a:defRPr>
            </a:lvl6pPr>
            <a:lvl7pPr marL="2971800" indent="-228600" eaLnBrk="0" fontAlgn="base" hangingPunct="0">
              <a:spcBef>
                <a:spcPct val="0"/>
              </a:spcBef>
              <a:spcAft>
                <a:spcPct val="0"/>
              </a:spcAft>
              <a:defRPr>
                <a:solidFill>
                  <a:schemeClr val="tx1"/>
                </a:solidFill>
                <a:latin typeface="Calibri" panose="020F0502020204030204" pitchFamily="34" charset="0"/>
              </a:defRPr>
            </a:lvl7pPr>
            <a:lvl8pPr marL="3429000" indent="-228600" eaLnBrk="0" fontAlgn="base" hangingPunct="0">
              <a:spcBef>
                <a:spcPct val="0"/>
              </a:spcBef>
              <a:spcAft>
                <a:spcPct val="0"/>
              </a:spcAft>
              <a:defRPr>
                <a:solidFill>
                  <a:schemeClr val="tx1"/>
                </a:solidFill>
                <a:latin typeface="Calibri" panose="020F0502020204030204" pitchFamily="34" charset="0"/>
              </a:defRPr>
            </a:lvl8pPr>
            <a:lvl9pPr marL="3886200" indent="-228600"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alt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Data Source: US Census 2012, CDC 2013</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alt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DOL October 2018 Unemployment Data</a:t>
            </a:r>
          </a:p>
        </p:txBody>
      </p:sp>
      <p:pic>
        <p:nvPicPr>
          <p:cNvPr id="4" name="Picture 3" descr="October 2018 unemployment CHART: Breaking down unemployment rates according to different minority categories. Overall, Americans currently face a 3.4% unemployment rate. LGBTQ people make up 4% of of the unemployed, Black people make up 13%  of the unemployed, Hispanics are 17% of the unemployed, Asians count for 6% of the unemployed, American Indians make up 2% of the unemployed and veterans have a 9%. The last category shows that people with disabilities make up 22% of the unemployed. Flanking this category are two color boxes, one red, one purple. The red box shows a 7.9% unemployment rate for PWDs. The purple box shows that 30% of Vets have a disability. ">
            <a:extLst>
              <a:ext uri="{FF2B5EF4-FFF2-40B4-BE49-F238E27FC236}">
                <a16:creationId xmlns:a16="http://schemas.microsoft.com/office/drawing/2014/main" id="{830A13A3-4747-4770-94B4-9147A0C23788}"/>
              </a:ext>
            </a:extLst>
          </p:cNvPr>
          <p:cNvPicPr>
            <a:picLocks noChangeAspect="1"/>
          </p:cNvPicPr>
          <p:nvPr/>
        </p:nvPicPr>
        <p:blipFill>
          <a:blip r:embed="rId2"/>
          <a:stretch>
            <a:fillRect/>
          </a:stretch>
        </p:blipFill>
        <p:spPr>
          <a:xfrm>
            <a:off x="554636" y="2074212"/>
            <a:ext cx="7800975" cy="3609975"/>
          </a:xfrm>
          <a:prstGeom prst="rect">
            <a:avLst/>
          </a:prstGeom>
        </p:spPr>
      </p:pic>
    </p:spTree>
    <p:extLst>
      <p:ext uri="{BB962C8B-B14F-4D97-AF65-F5344CB8AC3E}">
        <p14:creationId xmlns:p14="http://schemas.microsoft.com/office/powerpoint/2010/main" val="247255580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3" name="Title 1"/>
          <p:cNvSpPr>
            <a:spLocks noGrp="1"/>
          </p:cNvSpPr>
          <p:nvPr>
            <p:ph type="title"/>
          </p:nvPr>
        </p:nvSpPr>
        <p:spPr>
          <a:xfrm>
            <a:off x="2286502" y="105242"/>
            <a:ext cx="6704596" cy="992805"/>
          </a:xfrm>
        </p:spPr>
        <p:txBody>
          <a:bodyPr/>
          <a:lstStyle/>
          <a:p>
            <a:pPr eaLnBrk="1" hangingPunct="1">
              <a:defRPr/>
            </a:pPr>
            <a:r>
              <a:rPr lang="en-US" sz="3200" b="1" dirty="0">
                <a:solidFill>
                  <a:schemeClr val="bg1"/>
                </a:solidFill>
              </a:rPr>
              <a:t>Over 12,000 jobs in philanthropy today 					- LinkedIn</a:t>
            </a:r>
          </a:p>
        </p:txBody>
      </p:sp>
      <p:sp>
        <p:nvSpPr>
          <p:cNvPr id="25603" name="Content Placeholder 2"/>
          <p:cNvSpPr>
            <a:spLocks noGrp="1"/>
          </p:cNvSpPr>
          <p:nvPr>
            <p:ph idx="1"/>
          </p:nvPr>
        </p:nvSpPr>
        <p:spPr>
          <a:xfrm>
            <a:off x="457200" y="2057400"/>
            <a:ext cx="3755036" cy="2934325"/>
          </a:xfrm>
        </p:spPr>
        <p:txBody>
          <a:bodyPr/>
          <a:lstStyle/>
          <a:p>
            <a:pPr eaLnBrk="1" hangingPunct="1">
              <a:lnSpc>
                <a:spcPct val="114000"/>
              </a:lnSpc>
              <a:spcBef>
                <a:spcPts val="0"/>
              </a:spcBef>
              <a:buClr>
                <a:srgbClr val="17375E"/>
              </a:buClr>
              <a:buFont typeface="Wingdings 3" pitchFamily="18" charset="2"/>
              <a:buChar char="}"/>
            </a:pPr>
            <a:r>
              <a:rPr lang="en-US" sz="1800" dirty="0">
                <a:ea typeface="ＭＳ Ｐゴシック" pitchFamily="34" charset="-128"/>
              </a:rPr>
              <a:t>Being part of a philanthropic organization allows you </a:t>
            </a:r>
            <a:r>
              <a:rPr lang="en-US" sz="1800" b="1" dirty="0">
                <a:ea typeface="ＭＳ Ｐゴシック" pitchFamily="34" charset="-128"/>
              </a:rPr>
              <a:t>to use your time and talent in areas where you have a passion</a:t>
            </a:r>
          </a:p>
          <a:p>
            <a:pPr eaLnBrk="1" hangingPunct="1">
              <a:lnSpc>
                <a:spcPct val="114000"/>
              </a:lnSpc>
              <a:spcBef>
                <a:spcPts val="0"/>
              </a:spcBef>
              <a:buClr>
                <a:srgbClr val="17375E"/>
              </a:buClr>
              <a:buNone/>
            </a:pPr>
            <a:endParaRPr lang="en-US" sz="1800" dirty="0">
              <a:ea typeface="ＭＳ Ｐゴシック" pitchFamily="34" charset="-128"/>
            </a:endParaRPr>
          </a:p>
          <a:p>
            <a:pPr eaLnBrk="1" hangingPunct="1">
              <a:lnSpc>
                <a:spcPct val="114000"/>
              </a:lnSpc>
              <a:spcBef>
                <a:spcPts val="0"/>
              </a:spcBef>
              <a:buClr>
                <a:srgbClr val="17375E"/>
              </a:buClr>
              <a:buFont typeface="Wingdings 3" pitchFamily="18" charset="2"/>
              <a:buChar char="}"/>
            </a:pPr>
            <a:r>
              <a:rPr lang="en-US" sz="1800" dirty="0">
                <a:ea typeface="ＭＳ Ｐゴシック" pitchFamily="34" charset="-128"/>
              </a:rPr>
              <a:t>Philanthropy </a:t>
            </a:r>
            <a:r>
              <a:rPr lang="en-US" sz="1800" b="1" dirty="0">
                <a:ea typeface="ＭＳ Ｐゴシック" pitchFamily="34" charset="-128"/>
              </a:rPr>
              <a:t>helps drive innovation and change locally and globally</a:t>
            </a:r>
          </a:p>
          <a:p>
            <a:pPr eaLnBrk="1" hangingPunct="1">
              <a:lnSpc>
                <a:spcPct val="114000"/>
              </a:lnSpc>
              <a:spcBef>
                <a:spcPts val="0"/>
              </a:spcBef>
              <a:buClr>
                <a:srgbClr val="17375E"/>
              </a:buClr>
              <a:buNone/>
            </a:pPr>
            <a:endParaRPr lang="en-US" sz="1800" dirty="0">
              <a:ea typeface="ＭＳ Ｐゴシック" pitchFamily="34" charset="-128"/>
            </a:endParaRPr>
          </a:p>
          <a:p>
            <a:pPr eaLnBrk="1" hangingPunct="1">
              <a:lnSpc>
                <a:spcPct val="114000"/>
              </a:lnSpc>
              <a:spcBef>
                <a:spcPts val="0"/>
              </a:spcBef>
              <a:buClr>
                <a:srgbClr val="17375E"/>
              </a:buClr>
              <a:buFont typeface="Wingdings 3" pitchFamily="18" charset="2"/>
              <a:buChar char="}"/>
            </a:pPr>
            <a:r>
              <a:rPr lang="en-US" sz="1800" dirty="0">
                <a:ea typeface="ＭＳ Ｐゴシック" pitchFamily="34" charset="-128"/>
              </a:rPr>
              <a:t>Philanthropy </a:t>
            </a:r>
            <a:r>
              <a:rPr lang="en-US" sz="1800" b="1" dirty="0">
                <a:ea typeface="ＭＳ Ｐゴシック" pitchFamily="34" charset="-128"/>
              </a:rPr>
              <a:t>helps drive social change in ways that other organizations are not able to</a:t>
            </a:r>
          </a:p>
        </p:txBody>
      </p:sp>
      <p:sp>
        <p:nvSpPr>
          <p:cNvPr id="25607" name="Slide Number Placeholder 1"/>
          <p:cNvSpPr>
            <a:spLocks noGrp="1"/>
          </p:cNvSpPr>
          <p:nvPr>
            <p:ph type="sldNum" sz="quarter" idx="12"/>
          </p:nvPr>
        </p:nvSpPr>
        <p:spPr bwMode="auto">
          <a:xfrm>
            <a:off x="3505200" y="6400800"/>
            <a:ext cx="2133600" cy="365125"/>
          </a:xfrm>
          <a:noFill/>
          <a:ln>
            <a:miter lim="800000"/>
            <a:headEnd/>
            <a:tailEnd/>
          </a:ln>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2B35D438-BF46-481A-96EE-7ABFC1579B59}" type="slidenum">
              <a:rPr kumimoji="0" lang="en-US" sz="1800" b="0" i="0" u="none" strike="noStrike" kern="1200" cap="none" spc="0" normalizeH="0" baseline="0" noProof="0" smtClean="0">
                <a:ln>
                  <a:noFill/>
                </a:ln>
                <a:solidFill>
                  <a:srgbClr val="FFFFFF"/>
                </a:solidFill>
                <a:effectLst/>
                <a:uLnTx/>
                <a:uFillTx/>
                <a:latin typeface="Arial Black" pitchFamily="34" charset="0"/>
                <a:ea typeface="+mn-ea"/>
                <a:cs typeface="Arial" charset="0"/>
              </a:rPr>
              <a:pPr marL="0" marR="0" lvl="0" indent="0" algn="ctr" defTabSz="914400" rtl="0" eaLnBrk="1" fontAlgn="auto" latinLnBrk="0" hangingPunct="1">
                <a:lnSpc>
                  <a:spcPct val="100000"/>
                </a:lnSpc>
                <a:spcBef>
                  <a:spcPts val="0"/>
                </a:spcBef>
                <a:spcAft>
                  <a:spcPts val="0"/>
                </a:spcAft>
                <a:buClrTx/>
                <a:buSzTx/>
                <a:buFontTx/>
                <a:buNone/>
                <a:tabLst/>
                <a:defRPr/>
              </a:pPr>
              <a:t>4</a:t>
            </a:fld>
            <a:endParaRPr kumimoji="0" lang="en-US" sz="1800" b="0" i="0" u="none" strike="noStrike" kern="1200" cap="none" spc="0" normalizeH="0" baseline="0" noProof="0">
              <a:ln>
                <a:noFill/>
              </a:ln>
              <a:solidFill>
                <a:srgbClr val="FFFFFF"/>
              </a:solidFill>
              <a:effectLst/>
              <a:uLnTx/>
              <a:uFillTx/>
              <a:latin typeface="Arial Black" pitchFamily="34" charset="0"/>
              <a:ea typeface="+mn-ea"/>
              <a:cs typeface="Arial" charset="0"/>
            </a:endParaRPr>
          </a:p>
        </p:txBody>
      </p:sp>
      <p:sp>
        <p:nvSpPr>
          <p:cNvPr id="25604" name="TextBox 6"/>
          <p:cNvSpPr txBox="1">
            <a:spLocks noChangeArrowheads="1"/>
          </p:cNvSpPr>
          <p:nvPr/>
        </p:nvSpPr>
        <p:spPr bwMode="auto">
          <a:xfrm>
            <a:off x="3035508" y="1507761"/>
            <a:ext cx="2727926" cy="338554"/>
          </a:xfrm>
          <a:prstGeom prst="rect">
            <a:avLst/>
          </a:prstGeom>
          <a:noFill/>
          <a:ln w="9525">
            <a:noFill/>
            <a:miter lim="800000"/>
            <a:headEnd/>
            <a:tailEnd/>
          </a:ln>
        </p:spPr>
        <p:txBody>
          <a:bodyPr wrap="non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prstClr val="black"/>
                </a:solidFill>
                <a:effectLst/>
                <a:uLnTx/>
                <a:uFillTx/>
                <a:latin typeface="Calibri" pitchFamily="34" charset="0"/>
                <a:ea typeface="+mn-ea"/>
                <a:cs typeface="+mn-cs"/>
              </a:rPr>
              <a:t>Opportunities in Philanthropy</a:t>
            </a:r>
          </a:p>
        </p:txBody>
      </p:sp>
      <p:pic>
        <p:nvPicPr>
          <p:cNvPr id="25605" name="Picture 7" descr="Photo of workplace diversity. &#10;"/>
          <p:cNvPicPr>
            <a:picLocks noChangeAspect="1"/>
          </p:cNvPicPr>
          <p:nvPr/>
        </p:nvPicPr>
        <p:blipFill>
          <a:blip r:embed="rId2" cstate="print"/>
          <a:srcRect/>
          <a:stretch>
            <a:fillRect/>
          </a:stretch>
        </p:blipFill>
        <p:spPr bwMode="auto">
          <a:xfrm>
            <a:off x="4547017" y="2133600"/>
            <a:ext cx="3429000" cy="2895600"/>
          </a:xfrm>
          <a:prstGeom prst="rect">
            <a:avLst/>
          </a:prstGeom>
          <a:noFill/>
          <a:ln w="9525">
            <a:noFill/>
            <a:miter lim="800000"/>
            <a:headEnd/>
            <a:tailEnd/>
          </a:ln>
        </p:spPr>
      </p:pic>
      <p:sp>
        <p:nvSpPr>
          <p:cNvPr id="9" name="Slide Number Placeholder 1"/>
          <p:cNvSpPr txBox="1">
            <a:spLocks/>
          </p:cNvSpPr>
          <p:nvPr/>
        </p:nvSpPr>
        <p:spPr>
          <a:xfrm>
            <a:off x="8531227" y="5648329"/>
            <a:ext cx="549275" cy="396875"/>
          </a:xfrm>
          <a:prstGeom prst="bracketPair">
            <a:avLst>
              <a:gd name="adj" fmla="val 17949"/>
            </a:avLst>
          </a:prstGeom>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78E71C95-FEAD-4940-8DCC-B379CAD5228A}" type="slidenum">
              <a:rPr kumimoji="0" lang="en-US" sz="1800" b="0" i="0" u="none" strike="noStrike" kern="1200" cap="none" spc="0" normalizeH="0" baseline="0" noProof="0" smtClean="0">
                <a:ln>
                  <a:noFill/>
                </a:ln>
                <a:solidFill>
                  <a:prstClr val="white"/>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4</a:t>
            </a:fld>
            <a:endParaRPr kumimoji="0" lang="en-US" sz="1800" b="0" i="0" u="none" strike="noStrike" kern="1200" cap="none" spc="0" normalizeH="0" baseline="0" noProof="0" dirty="0">
              <a:ln>
                <a:noFill/>
              </a:ln>
              <a:solidFill>
                <a:prstClr val="white"/>
              </a:solidFill>
              <a:effectLst/>
              <a:uLnTx/>
              <a:uFillTx/>
              <a:latin typeface="Calibri"/>
              <a:ea typeface="+mn-ea"/>
              <a:cs typeface="+mn-cs"/>
            </a:endParaRPr>
          </a:p>
        </p:txBody>
      </p:sp>
    </p:spTree>
    <p:extLst>
      <p:ext uri="{BB962C8B-B14F-4D97-AF65-F5344CB8AC3E}">
        <p14:creationId xmlns:p14="http://schemas.microsoft.com/office/powerpoint/2010/main" val="1812865983"/>
      </p:ext>
    </p:extLst>
  </p:cSld>
  <p:clrMapOvr>
    <a:masterClrMapping/>
  </p:clrMapOv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Title 1"/>
          <p:cNvSpPr txBox="1">
            <a:spLocks noGrp="1"/>
          </p:cNvSpPr>
          <p:nvPr>
            <p:ph type="title"/>
          </p:nvPr>
        </p:nvSpPr>
        <p:spPr>
          <a:xfrm>
            <a:off x="3130227" y="365542"/>
            <a:ext cx="5720797" cy="441327"/>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fontAlgn="auto">
              <a:spcAft>
                <a:spcPts val="0"/>
              </a:spcAft>
              <a:defRPr/>
            </a:pPr>
            <a:r>
              <a:rPr lang="en-US" sz="3000" b="1" dirty="0">
                <a:solidFill>
                  <a:schemeClr val="bg1"/>
                </a:solidFill>
                <a:latin typeface="Calibri" panose="020F0502020204030204" pitchFamily="34" charset="0"/>
                <a:cs typeface="Calibri" panose="020F0502020204030204" pitchFamily="34" charset="0"/>
              </a:rPr>
              <a:t>Benefits of disability inclusion</a:t>
            </a:r>
          </a:p>
        </p:txBody>
      </p:sp>
      <p:sp>
        <p:nvSpPr>
          <p:cNvPr id="4" name="Slide Number Placeholder 3"/>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DD6B0BE3-79B2-4C48-BEC6-CF1237735459}"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5</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sp>
        <p:nvSpPr>
          <p:cNvPr id="5" name="Slide Number Placeholder 2"/>
          <p:cNvSpPr txBox="1">
            <a:spLocks/>
          </p:cNvSpPr>
          <p:nvPr/>
        </p:nvSpPr>
        <p:spPr>
          <a:xfrm>
            <a:off x="8126497" y="5648329"/>
            <a:ext cx="549275" cy="396875"/>
          </a:xfrm>
          <a:prstGeom prst="bracketPair">
            <a:avLst>
              <a:gd name="adj" fmla="val 17949"/>
            </a:avLst>
          </a:prstGeo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CC547B79-75E0-4B2E-A2B4-195DE9936034}" type="slidenum">
              <a:rPr kumimoji="0" lang="en-US" sz="1800" b="0" i="0" u="none" strike="noStrike" kern="1200" cap="none" spc="0" normalizeH="0" baseline="0" noProof="0" smtClean="0">
                <a:ln>
                  <a:noFill/>
                </a:ln>
                <a:solidFill>
                  <a:prstClr val="black"/>
                </a:solidFill>
                <a:effectLst/>
                <a:uLnTx/>
                <a:uFillTx/>
                <a:latin typeface="Calibri"/>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5</a:t>
            </a:fld>
            <a:endParaRPr kumimoji="0" lang="en-US" sz="1800" b="0" i="0" u="none" strike="noStrike" kern="1200" cap="none" spc="0" normalizeH="0" baseline="0" noProof="0" dirty="0">
              <a:ln>
                <a:noFill/>
              </a:ln>
              <a:solidFill>
                <a:prstClr val="black"/>
              </a:solidFill>
              <a:effectLst/>
              <a:uLnTx/>
              <a:uFillTx/>
              <a:latin typeface="Calibri"/>
              <a:ea typeface="+mn-ea"/>
              <a:cs typeface="+mn-cs"/>
            </a:endParaRPr>
          </a:p>
        </p:txBody>
      </p:sp>
      <p:sp>
        <p:nvSpPr>
          <p:cNvPr id="6" name="Oval 5" descr="Blue oval that says EMPLOYEES&#10;"/>
          <p:cNvSpPr/>
          <p:nvPr/>
        </p:nvSpPr>
        <p:spPr>
          <a:xfrm>
            <a:off x="275627" y="1804619"/>
            <a:ext cx="1482272" cy="1461095"/>
          </a:xfrm>
          <a:prstGeom prst="ellipse">
            <a:avLst/>
          </a:prstGeom>
          <a:solidFill>
            <a:srgbClr val="002060"/>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7" name="Freeform 6" descr="People logo&#10;"/>
          <p:cNvSpPr>
            <a:spLocks noChangeAspect="1" noEditPoints="1"/>
          </p:cNvSpPr>
          <p:nvPr/>
        </p:nvSpPr>
        <p:spPr bwMode="auto">
          <a:xfrm>
            <a:off x="715939" y="2086643"/>
            <a:ext cx="555986" cy="464378"/>
          </a:xfrm>
          <a:custGeom>
            <a:avLst/>
            <a:gdLst>
              <a:gd name="T0" fmla="*/ 630 w 676"/>
              <a:gd name="T1" fmla="*/ 155 h 627"/>
              <a:gd name="T2" fmla="*/ 520 w 676"/>
              <a:gd name="T3" fmla="*/ 160 h 627"/>
              <a:gd name="T4" fmla="*/ 378 w 676"/>
              <a:gd name="T5" fmla="*/ 135 h 627"/>
              <a:gd name="T6" fmla="*/ 299 w 676"/>
              <a:gd name="T7" fmla="*/ 128 h 627"/>
              <a:gd name="T8" fmla="*/ 153 w 676"/>
              <a:gd name="T9" fmla="*/ 171 h 627"/>
              <a:gd name="T10" fmla="*/ 45 w 676"/>
              <a:gd name="T11" fmla="*/ 166 h 627"/>
              <a:gd name="T12" fmla="*/ 0 w 676"/>
              <a:gd name="T13" fmla="*/ 349 h 627"/>
              <a:gd name="T14" fmla="*/ 30 w 676"/>
              <a:gd name="T15" fmla="*/ 349 h 627"/>
              <a:gd name="T16" fmla="*/ 50 w 676"/>
              <a:gd name="T17" fmla="*/ 211 h 627"/>
              <a:gd name="T18" fmla="*/ 81 w 676"/>
              <a:gd name="T19" fmla="*/ 581 h 627"/>
              <a:gd name="T20" fmla="*/ 131 w 676"/>
              <a:gd name="T21" fmla="*/ 541 h 627"/>
              <a:gd name="T22" fmla="*/ 150 w 676"/>
              <a:gd name="T23" fmla="*/ 211 h 627"/>
              <a:gd name="T24" fmla="*/ 165 w 676"/>
              <a:gd name="T25" fmla="*/ 370 h 627"/>
              <a:gd name="T26" fmla="*/ 179 w 676"/>
              <a:gd name="T27" fmla="*/ 187 h 627"/>
              <a:gd name="T28" fmla="*/ 198 w 676"/>
              <a:gd name="T29" fmla="*/ 579 h 627"/>
              <a:gd name="T30" fmla="*/ 271 w 676"/>
              <a:gd name="T31" fmla="*/ 627 h 627"/>
              <a:gd name="T32" fmla="*/ 304 w 676"/>
              <a:gd name="T33" fmla="*/ 187 h 627"/>
              <a:gd name="T34" fmla="*/ 323 w 676"/>
              <a:gd name="T35" fmla="*/ 347 h 627"/>
              <a:gd name="T36" fmla="*/ 350 w 676"/>
              <a:gd name="T37" fmla="*/ 348 h 627"/>
              <a:gd name="T38" fmla="*/ 369 w 676"/>
              <a:gd name="T39" fmla="*/ 196 h 627"/>
              <a:gd name="T40" fmla="*/ 408 w 676"/>
              <a:gd name="T41" fmla="*/ 623 h 627"/>
              <a:gd name="T42" fmla="*/ 479 w 676"/>
              <a:gd name="T43" fmla="*/ 568 h 627"/>
              <a:gd name="T44" fmla="*/ 498 w 676"/>
              <a:gd name="T45" fmla="*/ 196 h 627"/>
              <a:gd name="T46" fmla="*/ 511 w 676"/>
              <a:gd name="T47" fmla="*/ 370 h 627"/>
              <a:gd name="T48" fmla="*/ 528 w 676"/>
              <a:gd name="T49" fmla="*/ 211 h 627"/>
              <a:gd name="T50" fmla="*/ 546 w 676"/>
              <a:gd name="T51" fmla="*/ 529 h 627"/>
              <a:gd name="T52" fmla="*/ 604 w 676"/>
              <a:gd name="T53" fmla="*/ 570 h 627"/>
              <a:gd name="T54" fmla="*/ 628 w 676"/>
              <a:gd name="T55" fmla="*/ 211 h 627"/>
              <a:gd name="T56" fmla="*/ 647 w 676"/>
              <a:gd name="T57" fmla="*/ 352 h 627"/>
              <a:gd name="T58" fmla="*/ 676 w 676"/>
              <a:gd name="T59" fmla="*/ 353 h 627"/>
              <a:gd name="T60" fmla="*/ 630 w 676"/>
              <a:gd name="T61" fmla="*/ 155 h 627"/>
              <a:gd name="T62" fmla="*/ 584 w 676"/>
              <a:gd name="T63" fmla="*/ 135 h 627"/>
              <a:gd name="T64" fmla="*/ 584 w 676"/>
              <a:gd name="T65" fmla="*/ 52 h 627"/>
              <a:gd name="T66" fmla="*/ 584 w 676"/>
              <a:gd name="T67" fmla="*/ 135 h 627"/>
              <a:gd name="T68" fmla="*/ 88 w 676"/>
              <a:gd name="T69" fmla="*/ 147 h 627"/>
              <a:gd name="T70" fmla="*/ 88 w 676"/>
              <a:gd name="T71" fmla="*/ 64 h 627"/>
              <a:gd name="T72" fmla="*/ 88 w 676"/>
              <a:gd name="T73" fmla="*/ 147 h 627"/>
              <a:gd name="T74" fmla="*/ 423 w 676"/>
              <a:gd name="T75" fmla="*/ 115 h 627"/>
              <a:gd name="T76" fmla="*/ 423 w 676"/>
              <a:gd name="T77" fmla="*/ 15 h 627"/>
              <a:gd name="T78" fmla="*/ 423 w 676"/>
              <a:gd name="T79" fmla="*/ 115 h 627"/>
              <a:gd name="T80" fmla="*/ 250 w 676"/>
              <a:gd name="T81" fmla="*/ 100 h 627"/>
              <a:gd name="T82" fmla="*/ 250 w 676"/>
              <a:gd name="T83" fmla="*/ 0 h 627"/>
              <a:gd name="T84" fmla="*/ 250 w 676"/>
              <a:gd name="T85" fmla="*/ 100 h 6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76" h="627">
                <a:moveTo>
                  <a:pt x="630" y="155"/>
                </a:moveTo>
                <a:lnTo>
                  <a:pt x="630" y="155"/>
                </a:lnTo>
                <a:lnTo>
                  <a:pt x="538" y="155"/>
                </a:lnTo>
                <a:cubicBezTo>
                  <a:pt x="532" y="155"/>
                  <a:pt x="525" y="157"/>
                  <a:pt x="520" y="160"/>
                </a:cubicBezTo>
                <a:cubicBezTo>
                  <a:pt x="510" y="141"/>
                  <a:pt x="492" y="135"/>
                  <a:pt x="472" y="135"/>
                </a:cubicBezTo>
                <a:lnTo>
                  <a:pt x="378" y="135"/>
                </a:lnTo>
                <a:cubicBezTo>
                  <a:pt x="362" y="135"/>
                  <a:pt x="348" y="135"/>
                  <a:pt x="338" y="148"/>
                </a:cubicBezTo>
                <a:cubicBezTo>
                  <a:pt x="328" y="135"/>
                  <a:pt x="314" y="128"/>
                  <a:pt x="299" y="128"/>
                </a:cubicBezTo>
                <a:lnTo>
                  <a:pt x="204" y="128"/>
                </a:lnTo>
                <a:cubicBezTo>
                  <a:pt x="180" y="128"/>
                  <a:pt x="160" y="146"/>
                  <a:pt x="153" y="171"/>
                </a:cubicBezTo>
                <a:cubicBezTo>
                  <a:pt x="147" y="168"/>
                  <a:pt x="130" y="166"/>
                  <a:pt x="124" y="166"/>
                </a:cubicBezTo>
                <a:lnTo>
                  <a:pt x="45" y="166"/>
                </a:lnTo>
                <a:cubicBezTo>
                  <a:pt x="20" y="166"/>
                  <a:pt x="0" y="190"/>
                  <a:pt x="0" y="220"/>
                </a:cubicBezTo>
                <a:lnTo>
                  <a:pt x="0" y="349"/>
                </a:lnTo>
                <a:cubicBezTo>
                  <a:pt x="0" y="359"/>
                  <a:pt x="2" y="369"/>
                  <a:pt x="15" y="369"/>
                </a:cubicBezTo>
                <a:cubicBezTo>
                  <a:pt x="28" y="369"/>
                  <a:pt x="30" y="359"/>
                  <a:pt x="30" y="349"/>
                </a:cubicBezTo>
                <a:cubicBezTo>
                  <a:pt x="30" y="337"/>
                  <a:pt x="31" y="211"/>
                  <a:pt x="31" y="211"/>
                </a:cubicBezTo>
                <a:lnTo>
                  <a:pt x="50" y="211"/>
                </a:lnTo>
                <a:cubicBezTo>
                  <a:pt x="50" y="211"/>
                  <a:pt x="49" y="530"/>
                  <a:pt x="49" y="546"/>
                </a:cubicBezTo>
                <a:cubicBezTo>
                  <a:pt x="50" y="580"/>
                  <a:pt x="69" y="581"/>
                  <a:pt x="81" y="581"/>
                </a:cubicBezTo>
                <a:lnTo>
                  <a:pt x="101" y="581"/>
                </a:lnTo>
                <a:cubicBezTo>
                  <a:pt x="112" y="581"/>
                  <a:pt x="129" y="580"/>
                  <a:pt x="131" y="541"/>
                </a:cubicBezTo>
                <a:cubicBezTo>
                  <a:pt x="131" y="524"/>
                  <a:pt x="131" y="211"/>
                  <a:pt x="131" y="211"/>
                </a:cubicBezTo>
                <a:lnTo>
                  <a:pt x="150" y="211"/>
                </a:lnTo>
                <a:lnTo>
                  <a:pt x="150" y="353"/>
                </a:lnTo>
                <a:cubicBezTo>
                  <a:pt x="150" y="367"/>
                  <a:pt x="155" y="370"/>
                  <a:pt x="165" y="370"/>
                </a:cubicBezTo>
                <a:cubicBezTo>
                  <a:pt x="175" y="370"/>
                  <a:pt x="180" y="363"/>
                  <a:pt x="180" y="351"/>
                </a:cubicBezTo>
                <a:cubicBezTo>
                  <a:pt x="180" y="344"/>
                  <a:pt x="179" y="187"/>
                  <a:pt x="179" y="187"/>
                </a:cubicBezTo>
                <a:lnTo>
                  <a:pt x="198" y="187"/>
                </a:lnTo>
                <a:cubicBezTo>
                  <a:pt x="198" y="187"/>
                  <a:pt x="198" y="555"/>
                  <a:pt x="198" y="579"/>
                </a:cubicBezTo>
                <a:cubicBezTo>
                  <a:pt x="199" y="620"/>
                  <a:pt x="221" y="627"/>
                  <a:pt x="235" y="627"/>
                </a:cubicBezTo>
                <a:lnTo>
                  <a:pt x="271" y="627"/>
                </a:lnTo>
                <a:cubicBezTo>
                  <a:pt x="285" y="627"/>
                  <a:pt x="303" y="620"/>
                  <a:pt x="305" y="573"/>
                </a:cubicBezTo>
                <a:cubicBezTo>
                  <a:pt x="306" y="554"/>
                  <a:pt x="304" y="187"/>
                  <a:pt x="304" y="187"/>
                </a:cubicBezTo>
                <a:lnTo>
                  <a:pt x="323" y="187"/>
                </a:lnTo>
                <a:lnTo>
                  <a:pt x="323" y="347"/>
                </a:lnTo>
                <a:cubicBezTo>
                  <a:pt x="323" y="363"/>
                  <a:pt x="325" y="369"/>
                  <a:pt x="338" y="369"/>
                </a:cubicBezTo>
                <a:cubicBezTo>
                  <a:pt x="348" y="369"/>
                  <a:pt x="350" y="362"/>
                  <a:pt x="350" y="348"/>
                </a:cubicBezTo>
                <a:cubicBezTo>
                  <a:pt x="350" y="338"/>
                  <a:pt x="351" y="196"/>
                  <a:pt x="351" y="196"/>
                </a:cubicBezTo>
                <a:lnTo>
                  <a:pt x="369" y="196"/>
                </a:lnTo>
                <a:cubicBezTo>
                  <a:pt x="369" y="196"/>
                  <a:pt x="370" y="551"/>
                  <a:pt x="370" y="575"/>
                </a:cubicBezTo>
                <a:cubicBezTo>
                  <a:pt x="371" y="615"/>
                  <a:pt x="395" y="623"/>
                  <a:pt x="408" y="623"/>
                </a:cubicBezTo>
                <a:lnTo>
                  <a:pt x="445" y="623"/>
                </a:lnTo>
                <a:cubicBezTo>
                  <a:pt x="458" y="623"/>
                  <a:pt x="477" y="615"/>
                  <a:pt x="479" y="568"/>
                </a:cubicBezTo>
                <a:cubicBezTo>
                  <a:pt x="480" y="546"/>
                  <a:pt x="479" y="196"/>
                  <a:pt x="479" y="196"/>
                </a:cubicBezTo>
                <a:lnTo>
                  <a:pt x="498" y="196"/>
                </a:lnTo>
                <a:cubicBezTo>
                  <a:pt x="498" y="196"/>
                  <a:pt x="498" y="333"/>
                  <a:pt x="498" y="348"/>
                </a:cubicBezTo>
                <a:cubicBezTo>
                  <a:pt x="498" y="360"/>
                  <a:pt x="501" y="370"/>
                  <a:pt x="511" y="370"/>
                </a:cubicBezTo>
                <a:cubicBezTo>
                  <a:pt x="523" y="370"/>
                  <a:pt x="526" y="365"/>
                  <a:pt x="527" y="354"/>
                </a:cubicBezTo>
                <a:cubicBezTo>
                  <a:pt x="527" y="372"/>
                  <a:pt x="528" y="211"/>
                  <a:pt x="528" y="211"/>
                </a:cubicBezTo>
                <a:lnTo>
                  <a:pt x="546" y="211"/>
                </a:lnTo>
                <a:cubicBezTo>
                  <a:pt x="546" y="211"/>
                  <a:pt x="546" y="524"/>
                  <a:pt x="546" y="529"/>
                </a:cubicBezTo>
                <a:cubicBezTo>
                  <a:pt x="547" y="563"/>
                  <a:pt x="558" y="570"/>
                  <a:pt x="569" y="570"/>
                </a:cubicBezTo>
                <a:lnTo>
                  <a:pt x="604" y="570"/>
                </a:lnTo>
                <a:cubicBezTo>
                  <a:pt x="615" y="570"/>
                  <a:pt x="627" y="563"/>
                  <a:pt x="628" y="524"/>
                </a:cubicBezTo>
                <a:cubicBezTo>
                  <a:pt x="629" y="504"/>
                  <a:pt x="628" y="211"/>
                  <a:pt x="628" y="211"/>
                </a:cubicBezTo>
                <a:lnTo>
                  <a:pt x="647" y="211"/>
                </a:lnTo>
                <a:lnTo>
                  <a:pt x="647" y="352"/>
                </a:lnTo>
                <a:cubicBezTo>
                  <a:pt x="647" y="362"/>
                  <a:pt x="653" y="369"/>
                  <a:pt x="662" y="369"/>
                </a:cubicBezTo>
                <a:cubicBezTo>
                  <a:pt x="671" y="369"/>
                  <a:pt x="676" y="363"/>
                  <a:pt x="676" y="353"/>
                </a:cubicBezTo>
                <a:lnTo>
                  <a:pt x="676" y="215"/>
                </a:lnTo>
                <a:cubicBezTo>
                  <a:pt x="676" y="186"/>
                  <a:pt x="655" y="155"/>
                  <a:pt x="630" y="155"/>
                </a:cubicBezTo>
                <a:close/>
                <a:moveTo>
                  <a:pt x="584" y="135"/>
                </a:moveTo>
                <a:lnTo>
                  <a:pt x="584" y="135"/>
                </a:lnTo>
                <a:cubicBezTo>
                  <a:pt x="607" y="135"/>
                  <a:pt x="626" y="116"/>
                  <a:pt x="626" y="93"/>
                </a:cubicBezTo>
                <a:cubicBezTo>
                  <a:pt x="626" y="70"/>
                  <a:pt x="607" y="52"/>
                  <a:pt x="584" y="52"/>
                </a:cubicBezTo>
                <a:cubicBezTo>
                  <a:pt x="562" y="52"/>
                  <a:pt x="543" y="70"/>
                  <a:pt x="543" y="93"/>
                </a:cubicBezTo>
                <a:cubicBezTo>
                  <a:pt x="543" y="116"/>
                  <a:pt x="562" y="135"/>
                  <a:pt x="584" y="135"/>
                </a:cubicBezTo>
                <a:close/>
                <a:moveTo>
                  <a:pt x="88" y="147"/>
                </a:moveTo>
                <a:lnTo>
                  <a:pt x="88" y="147"/>
                </a:lnTo>
                <a:cubicBezTo>
                  <a:pt x="111" y="147"/>
                  <a:pt x="130" y="128"/>
                  <a:pt x="130" y="105"/>
                </a:cubicBezTo>
                <a:cubicBezTo>
                  <a:pt x="130" y="82"/>
                  <a:pt x="111" y="64"/>
                  <a:pt x="88" y="64"/>
                </a:cubicBezTo>
                <a:cubicBezTo>
                  <a:pt x="65" y="64"/>
                  <a:pt x="47" y="82"/>
                  <a:pt x="47" y="105"/>
                </a:cubicBezTo>
                <a:cubicBezTo>
                  <a:pt x="47" y="128"/>
                  <a:pt x="65" y="147"/>
                  <a:pt x="88" y="147"/>
                </a:cubicBezTo>
                <a:close/>
                <a:moveTo>
                  <a:pt x="423" y="115"/>
                </a:moveTo>
                <a:lnTo>
                  <a:pt x="423" y="115"/>
                </a:lnTo>
                <a:cubicBezTo>
                  <a:pt x="451" y="115"/>
                  <a:pt x="473" y="93"/>
                  <a:pt x="473" y="65"/>
                </a:cubicBezTo>
                <a:cubicBezTo>
                  <a:pt x="473" y="37"/>
                  <a:pt x="451" y="15"/>
                  <a:pt x="423" y="15"/>
                </a:cubicBezTo>
                <a:cubicBezTo>
                  <a:pt x="396" y="15"/>
                  <a:pt x="373" y="37"/>
                  <a:pt x="373" y="65"/>
                </a:cubicBezTo>
                <a:cubicBezTo>
                  <a:pt x="373" y="93"/>
                  <a:pt x="396" y="115"/>
                  <a:pt x="423" y="115"/>
                </a:cubicBezTo>
                <a:close/>
                <a:moveTo>
                  <a:pt x="250" y="100"/>
                </a:moveTo>
                <a:lnTo>
                  <a:pt x="250" y="100"/>
                </a:lnTo>
                <a:cubicBezTo>
                  <a:pt x="277" y="100"/>
                  <a:pt x="300" y="77"/>
                  <a:pt x="300" y="49"/>
                </a:cubicBezTo>
                <a:cubicBezTo>
                  <a:pt x="300" y="22"/>
                  <a:pt x="277" y="0"/>
                  <a:pt x="250" y="0"/>
                </a:cubicBezTo>
                <a:cubicBezTo>
                  <a:pt x="222" y="0"/>
                  <a:pt x="200" y="22"/>
                  <a:pt x="200" y="49"/>
                </a:cubicBezTo>
                <a:cubicBezTo>
                  <a:pt x="200" y="77"/>
                  <a:pt x="222" y="100"/>
                  <a:pt x="250" y="100"/>
                </a:cubicBezTo>
                <a:close/>
              </a:path>
            </a:pathLst>
          </a:custGeom>
          <a:solidFill>
            <a:schemeClr val="bg1"/>
          </a:solid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black"/>
              </a:solidFill>
              <a:effectLst/>
              <a:uLnTx/>
              <a:uFillTx/>
              <a:latin typeface="Calibri"/>
              <a:ea typeface="+mn-ea"/>
              <a:cs typeface="+mn-cs"/>
            </a:endParaRPr>
          </a:p>
        </p:txBody>
      </p:sp>
      <p:sp>
        <p:nvSpPr>
          <p:cNvPr id="8" name="TextBox 7"/>
          <p:cNvSpPr txBox="1"/>
          <p:nvPr/>
        </p:nvSpPr>
        <p:spPr>
          <a:xfrm>
            <a:off x="442499" y="2686028"/>
            <a:ext cx="1102866"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prstClr val="white"/>
                </a:solidFill>
                <a:effectLst/>
                <a:uLnTx/>
                <a:uFillTx/>
                <a:latin typeface="Calibri"/>
                <a:ea typeface="+mn-ea"/>
                <a:cs typeface="+mn-cs"/>
              </a:rPr>
              <a:t>Employees</a:t>
            </a:r>
          </a:p>
        </p:txBody>
      </p:sp>
      <p:sp>
        <p:nvSpPr>
          <p:cNvPr id="9" name="Oval 8" descr="Light blue oval that says Culture/Climate"/>
          <p:cNvSpPr/>
          <p:nvPr/>
        </p:nvSpPr>
        <p:spPr>
          <a:xfrm>
            <a:off x="189595" y="3882750"/>
            <a:ext cx="1492103" cy="1534522"/>
          </a:xfrm>
          <a:prstGeom prst="ellipse">
            <a:avLst/>
          </a:prstGeom>
          <a:solidFill>
            <a:schemeClr val="accent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10" name="TextBox 9"/>
          <p:cNvSpPr txBox="1"/>
          <p:nvPr/>
        </p:nvSpPr>
        <p:spPr>
          <a:xfrm>
            <a:off x="451987" y="4548443"/>
            <a:ext cx="967321" cy="58477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prstClr val="white"/>
                </a:solidFill>
                <a:effectLst/>
                <a:uLnTx/>
                <a:uFillTx/>
                <a:latin typeface="Calibri"/>
                <a:ea typeface="+mn-ea"/>
                <a:cs typeface="+mn-cs"/>
              </a:rPr>
              <a:t>Culture/ Climate</a:t>
            </a:r>
          </a:p>
        </p:txBody>
      </p:sp>
      <p:sp>
        <p:nvSpPr>
          <p:cNvPr id="11" name="Freeform 19" descr="Pen and paper logo.&#10;"/>
          <p:cNvSpPr>
            <a:spLocks noChangeAspect="1" noEditPoints="1"/>
          </p:cNvSpPr>
          <p:nvPr/>
        </p:nvSpPr>
        <p:spPr bwMode="auto">
          <a:xfrm>
            <a:off x="560945" y="3975914"/>
            <a:ext cx="475091" cy="507531"/>
          </a:xfrm>
          <a:custGeom>
            <a:avLst/>
            <a:gdLst>
              <a:gd name="T0" fmla="*/ 4050 w 4769"/>
              <a:gd name="T1" fmla="*/ 4462 h 5437"/>
              <a:gd name="T2" fmla="*/ 4103 w 4769"/>
              <a:gd name="T3" fmla="*/ 4555 h 5437"/>
              <a:gd name="T4" fmla="*/ 4050 w 4769"/>
              <a:gd name="T5" fmla="*/ 4649 h 5437"/>
              <a:gd name="T6" fmla="*/ 2943 w 4769"/>
              <a:gd name="T7" fmla="*/ 4659 h 5437"/>
              <a:gd name="T8" fmla="*/ 2868 w 4769"/>
              <a:gd name="T9" fmla="*/ 4584 h 5437"/>
              <a:gd name="T10" fmla="*/ 2895 w 4769"/>
              <a:gd name="T11" fmla="*/ 4479 h 5437"/>
              <a:gd name="T12" fmla="*/ 2141 w 4769"/>
              <a:gd name="T13" fmla="*/ 4301 h 5437"/>
              <a:gd name="T14" fmla="*/ 2169 w 4769"/>
              <a:gd name="T15" fmla="*/ 4711 h 5437"/>
              <a:gd name="T16" fmla="*/ 2085 w 4769"/>
              <a:gd name="T17" fmla="*/ 4741 h 5437"/>
              <a:gd name="T18" fmla="*/ 1830 w 4769"/>
              <a:gd name="T19" fmla="*/ 4423 h 5437"/>
              <a:gd name="T20" fmla="*/ 2049 w 4769"/>
              <a:gd name="T21" fmla="*/ 4364 h 5437"/>
              <a:gd name="T22" fmla="*/ 3996 w 4769"/>
              <a:gd name="T23" fmla="*/ 3730 h 5437"/>
              <a:gd name="T24" fmla="*/ 4090 w 4769"/>
              <a:gd name="T25" fmla="*/ 3783 h 5437"/>
              <a:gd name="T26" fmla="*/ 4090 w 4769"/>
              <a:gd name="T27" fmla="*/ 3892 h 5437"/>
              <a:gd name="T28" fmla="*/ 3996 w 4769"/>
              <a:gd name="T29" fmla="*/ 3945 h 5437"/>
              <a:gd name="T30" fmla="*/ 2662 w 4769"/>
              <a:gd name="T31" fmla="*/ 3913 h 5437"/>
              <a:gd name="T32" fmla="*/ 2636 w 4769"/>
              <a:gd name="T33" fmla="*/ 3809 h 5437"/>
              <a:gd name="T34" fmla="*/ 2710 w 4769"/>
              <a:gd name="T35" fmla="*/ 3734 h 5437"/>
              <a:gd name="T36" fmla="*/ 4026 w 4769"/>
              <a:gd name="T37" fmla="*/ 3016 h 5437"/>
              <a:gd name="T38" fmla="*/ 4100 w 4769"/>
              <a:gd name="T39" fmla="*/ 3090 h 5437"/>
              <a:gd name="T40" fmla="*/ 4072 w 4769"/>
              <a:gd name="T41" fmla="*/ 3196 h 5437"/>
              <a:gd name="T42" fmla="*/ 3399 w 4769"/>
              <a:gd name="T43" fmla="*/ 3227 h 5437"/>
              <a:gd name="T44" fmla="*/ 3307 w 4769"/>
              <a:gd name="T45" fmla="*/ 3173 h 5437"/>
              <a:gd name="T46" fmla="*/ 3307 w 4769"/>
              <a:gd name="T47" fmla="*/ 3066 h 5437"/>
              <a:gd name="T48" fmla="*/ 3399 w 4769"/>
              <a:gd name="T49" fmla="*/ 3013 h 5437"/>
              <a:gd name="T50" fmla="*/ 4451 w 4769"/>
              <a:gd name="T51" fmla="*/ 2264 h 5437"/>
              <a:gd name="T52" fmla="*/ 4659 w 4769"/>
              <a:gd name="T53" fmla="*/ 2400 h 5437"/>
              <a:gd name="T54" fmla="*/ 4764 w 4769"/>
              <a:gd name="T55" fmla="*/ 2629 h 5437"/>
              <a:gd name="T56" fmla="*/ 4751 w 4769"/>
              <a:gd name="T57" fmla="*/ 5119 h 5437"/>
              <a:gd name="T58" fmla="*/ 4616 w 4769"/>
              <a:gd name="T59" fmla="*/ 5327 h 5437"/>
              <a:gd name="T60" fmla="*/ 4388 w 4769"/>
              <a:gd name="T61" fmla="*/ 5432 h 5437"/>
              <a:gd name="T62" fmla="*/ 1716 w 4769"/>
              <a:gd name="T63" fmla="*/ 5419 h 5437"/>
              <a:gd name="T64" fmla="*/ 1650 w 4769"/>
              <a:gd name="T65" fmla="*/ 5303 h 5437"/>
              <a:gd name="T66" fmla="*/ 1716 w 4769"/>
              <a:gd name="T67" fmla="*/ 5188 h 5437"/>
              <a:gd name="T68" fmla="*/ 4362 w 4769"/>
              <a:gd name="T69" fmla="*/ 5165 h 5437"/>
              <a:gd name="T70" fmla="*/ 4484 w 4769"/>
              <a:gd name="T71" fmla="*/ 5068 h 5437"/>
              <a:gd name="T72" fmla="*/ 4497 w 4769"/>
              <a:gd name="T73" fmla="*/ 2654 h 5437"/>
              <a:gd name="T74" fmla="*/ 4400 w 4769"/>
              <a:gd name="T75" fmla="*/ 2531 h 5437"/>
              <a:gd name="T76" fmla="*/ 1965 w 4769"/>
              <a:gd name="T77" fmla="*/ 2246 h 5437"/>
              <a:gd name="T78" fmla="*/ 2242 w 4769"/>
              <a:gd name="T79" fmla="*/ 3872 h 5437"/>
              <a:gd name="T80" fmla="*/ 2207 w 4769"/>
              <a:gd name="T81" fmla="*/ 4062 h 5437"/>
              <a:gd name="T82" fmla="*/ 2066 w 4769"/>
              <a:gd name="T83" fmla="*/ 4240 h 5437"/>
              <a:gd name="T84" fmla="*/ 1850 w 4769"/>
              <a:gd name="T85" fmla="*/ 4326 h 5437"/>
              <a:gd name="T86" fmla="*/ 1634 w 4769"/>
              <a:gd name="T87" fmla="*/ 4291 h 5437"/>
              <a:gd name="T88" fmla="*/ 1462 w 4769"/>
              <a:gd name="T89" fmla="*/ 4154 h 5437"/>
              <a:gd name="T90" fmla="*/ 1612 w 4769"/>
              <a:gd name="T91" fmla="*/ 2215 h 5437"/>
              <a:gd name="T92" fmla="*/ 387 w 4769"/>
              <a:gd name="T93" fmla="*/ 411 h 5437"/>
              <a:gd name="T94" fmla="*/ 368 w 4769"/>
              <a:gd name="T95" fmla="*/ 525 h 5437"/>
              <a:gd name="T96" fmla="*/ 889 w 4769"/>
              <a:gd name="T97" fmla="*/ 1770 h 5437"/>
              <a:gd name="T98" fmla="*/ 1007 w 4769"/>
              <a:gd name="T99" fmla="*/ 1755 h 5437"/>
              <a:gd name="T100" fmla="*/ 1057 w 4769"/>
              <a:gd name="T101" fmla="*/ 1651 h 5437"/>
              <a:gd name="T102" fmla="*/ 554 w 4769"/>
              <a:gd name="T103" fmla="*/ 389 h 5437"/>
              <a:gd name="T104" fmla="*/ 491 w 4769"/>
              <a:gd name="T105" fmla="*/ 0 h 5437"/>
              <a:gd name="T106" fmla="*/ 724 w 4769"/>
              <a:gd name="T107" fmla="*/ 68 h 5437"/>
              <a:gd name="T108" fmla="*/ 893 w 4769"/>
              <a:gd name="T109" fmla="*/ 244 h 5437"/>
              <a:gd name="T110" fmla="*/ 33 w 4769"/>
              <a:gd name="T111" fmla="*/ 648 h 5437"/>
              <a:gd name="T112" fmla="*/ 7 w 4769"/>
              <a:gd name="T113" fmla="*/ 401 h 5437"/>
              <a:gd name="T114" fmla="*/ 104 w 4769"/>
              <a:gd name="T115" fmla="*/ 180 h 5437"/>
              <a:gd name="T116" fmla="*/ 305 w 4769"/>
              <a:gd name="T117" fmla="*/ 32 h 54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769" h="5437">
                <a:moveTo>
                  <a:pt x="2971" y="4448"/>
                </a:moveTo>
                <a:lnTo>
                  <a:pt x="3996" y="4448"/>
                </a:lnTo>
                <a:lnTo>
                  <a:pt x="4026" y="4453"/>
                </a:lnTo>
                <a:lnTo>
                  <a:pt x="4050" y="4462"/>
                </a:lnTo>
                <a:lnTo>
                  <a:pt x="4072" y="4479"/>
                </a:lnTo>
                <a:lnTo>
                  <a:pt x="4090" y="4500"/>
                </a:lnTo>
                <a:lnTo>
                  <a:pt x="4100" y="4527"/>
                </a:lnTo>
                <a:lnTo>
                  <a:pt x="4103" y="4555"/>
                </a:lnTo>
                <a:lnTo>
                  <a:pt x="4100" y="4584"/>
                </a:lnTo>
                <a:lnTo>
                  <a:pt x="4090" y="4609"/>
                </a:lnTo>
                <a:lnTo>
                  <a:pt x="4072" y="4631"/>
                </a:lnTo>
                <a:lnTo>
                  <a:pt x="4050" y="4649"/>
                </a:lnTo>
                <a:lnTo>
                  <a:pt x="4026" y="4659"/>
                </a:lnTo>
                <a:lnTo>
                  <a:pt x="3996" y="4662"/>
                </a:lnTo>
                <a:lnTo>
                  <a:pt x="2971" y="4662"/>
                </a:lnTo>
                <a:lnTo>
                  <a:pt x="2943" y="4659"/>
                </a:lnTo>
                <a:lnTo>
                  <a:pt x="2916" y="4649"/>
                </a:lnTo>
                <a:lnTo>
                  <a:pt x="2895" y="4631"/>
                </a:lnTo>
                <a:lnTo>
                  <a:pt x="2878" y="4609"/>
                </a:lnTo>
                <a:lnTo>
                  <a:pt x="2868" y="4584"/>
                </a:lnTo>
                <a:lnTo>
                  <a:pt x="2863" y="4555"/>
                </a:lnTo>
                <a:lnTo>
                  <a:pt x="2868" y="4527"/>
                </a:lnTo>
                <a:lnTo>
                  <a:pt x="2878" y="4500"/>
                </a:lnTo>
                <a:lnTo>
                  <a:pt x="2895" y="4479"/>
                </a:lnTo>
                <a:lnTo>
                  <a:pt x="2916" y="4462"/>
                </a:lnTo>
                <a:lnTo>
                  <a:pt x="2943" y="4453"/>
                </a:lnTo>
                <a:lnTo>
                  <a:pt x="2971" y="4448"/>
                </a:lnTo>
                <a:close/>
                <a:moveTo>
                  <a:pt x="2141" y="4301"/>
                </a:moveTo>
                <a:lnTo>
                  <a:pt x="2181" y="4632"/>
                </a:lnTo>
                <a:lnTo>
                  <a:pt x="2183" y="4664"/>
                </a:lnTo>
                <a:lnTo>
                  <a:pt x="2179" y="4690"/>
                </a:lnTo>
                <a:lnTo>
                  <a:pt x="2169" y="4711"/>
                </a:lnTo>
                <a:lnTo>
                  <a:pt x="2155" y="4728"/>
                </a:lnTo>
                <a:lnTo>
                  <a:pt x="2133" y="4739"/>
                </a:lnTo>
                <a:lnTo>
                  <a:pt x="2108" y="4746"/>
                </a:lnTo>
                <a:lnTo>
                  <a:pt x="2085" y="4741"/>
                </a:lnTo>
                <a:lnTo>
                  <a:pt x="2064" y="4731"/>
                </a:lnTo>
                <a:lnTo>
                  <a:pt x="2044" y="4713"/>
                </a:lnTo>
                <a:lnTo>
                  <a:pt x="2024" y="4693"/>
                </a:lnTo>
                <a:lnTo>
                  <a:pt x="1830" y="4423"/>
                </a:lnTo>
                <a:lnTo>
                  <a:pt x="1884" y="4416"/>
                </a:lnTo>
                <a:lnTo>
                  <a:pt x="1940" y="4406"/>
                </a:lnTo>
                <a:lnTo>
                  <a:pt x="1996" y="4388"/>
                </a:lnTo>
                <a:lnTo>
                  <a:pt x="2049" y="4364"/>
                </a:lnTo>
                <a:lnTo>
                  <a:pt x="2097" y="4334"/>
                </a:lnTo>
                <a:lnTo>
                  <a:pt x="2141" y="4301"/>
                </a:lnTo>
                <a:close/>
                <a:moveTo>
                  <a:pt x="2738" y="3730"/>
                </a:moveTo>
                <a:lnTo>
                  <a:pt x="3996" y="3730"/>
                </a:lnTo>
                <a:lnTo>
                  <a:pt x="4026" y="3734"/>
                </a:lnTo>
                <a:lnTo>
                  <a:pt x="4050" y="3745"/>
                </a:lnTo>
                <a:lnTo>
                  <a:pt x="4072" y="3762"/>
                </a:lnTo>
                <a:lnTo>
                  <a:pt x="4090" y="3783"/>
                </a:lnTo>
                <a:lnTo>
                  <a:pt x="4100" y="3809"/>
                </a:lnTo>
                <a:lnTo>
                  <a:pt x="4103" y="3837"/>
                </a:lnTo>
                <a:lnTo>
                  <a:pt x="4100" y="3867"/>
                </a:lnTo>
                <a:lnTo>
                  <a:pt x="4090" y="3892"/>
                </a:lnTo>
                <a:lnTo>
                  <a:pt x="4072" y="3913"/>
                </a:lnTo>
                <a:lnTo>
                  <a:pt x="4050" y="3931"/>
                </a:lnTo>
                <a:lnTo>
                  <a:pt x="4026" y="3941"/>
                </a:lnTo>
                <a:lnTo>
                  <a:pt x="3996" y="3945"/>
                </a:lnTo>
                <a:lnTo>
                  <a:pt x="2738" y="3945"/>
                </a:lnTo>
                <a:lnTo>
                  <a:pt x="2710" y="3941"/>
                </a:lnTo>
                <a:lnTo>
                  <a:pt x="2684" y="3931"/>
                </a:lnTo>
                <a:lnTo>
                  <a:pt x="2662" y="3913"/>
                </a:lnTo>
                <a:lnTo>
                  <a:pt x="2646" y="3892"/>
                </a:lnTo>
                <a:lnTo>
                  <a:pt x="2636" y="3867"/>
                </a:lnTo>
                <a:lnTo>
                  <a:pt x="2631" y="3837"/>
                </a:lnTo>
                <a:lnTo>
                  <a:pt x="2636" y="3809"/>
                </a:lnTo>
                <a:lnTo>
                  <a:pt x="2646" y="3783"/>
                </a:lnTo>
                <a:lnTo>
                  <a:pt x="2662" y="3762"/>
                </a:lnTo>
                <a:lnTo>
                  <a:pt x="2684" y="3745"/>
                </a:lnTo>
                <a:lnTo>
                  <a:pt x="2710" y="3734"/>
                </a:lnTo>
                <a:lnTo>
                  <a:pt x="2738" y="3730"/>
                </a:lnTo>
                <a:close/>
                <a:moveTo>
                  <a:pt x="3399" y="3013"/>
                </a:moveTo>
                <a:lnTo>
                  <a:pt x="3996" y="3013"/>
                </a:lnTo>
                <a:lnTo>
                  <a:pt x="4026" y="3016"/>
                </a:lnTo>
                <a:lnTo>
                  <a:pt x="4050" y="3028"/>
                </a:lnTo>
                <a:lnTo>
                  <a:pt x="4072" y="3044"/>
                </a:lnTo>
                <a:lnTo>
                  <a:pt x="4090" y="3066"/>
                </a:lnTo>
                <a:lnTo>
                  <a:pt x="4100" y="3090"/>
                </a:lnTo>
                <a:lnTo>
                  <a:pt x="4103" y="3119"/>
                </a:lnTo>
                <a:lnTo>
                  <a:pt x="4100" y="3148"/>
                </a:lnTo>
                <a:lnTo>
                  <a:pt x="4090" y="3173"/>
                </a:lnTo>
                <a:lnTo>
                  <a:pt x="4072" y="3196"/>
                </a:lnTo>
                <a:lnTo>
                  <a:pt x="4050" y="3213"/>
                </a:lnTo>
                <a:lnTo>
                  <a:pt x="4026" y="3222"/>
                </a:lnTo>
                <a:lnTo>
                  <a:pt x="3996" y="3227"/>
                </a:lnTo>
                <a:lnTo>
                  <a:pt x="3399" y="3227"/>
                </a:lnTo>
                <a:lnTo>
                  <a:pt x="3371" y="3222"/>
                </a:lnTo>
                <a:lnTo>
                  <a:pt x="3345" y="3213"/>
                </a:lnTo>
                <a:lnTo>
                  <a:pt x="3323" y="3196"/>
                </a:lnTo>
                <a:lnTo>
                  <a:pt x="3307" y="3173"/>
                </a:lnTo>
                <a:lnTo>
                  <a:pt x="3295" y="3148"/>
                </a:lnTo>
                <a:lnTo>
                  <a:pt x="3292" y="3119"/>
                </a:lnTo>
                <a:lnTo>
                  <a:pt x="3295" y="3090"/>
                </a:lnTo>
                <a:lnTo>
                  <a:pt x="3307" y="3066"/>
                </a:lnTo>
                <a:lnTo>
                  <a:pt x="3323" y="3044"/>
                </a:lnTo>
                <a:lnTo>
                  <a:pt x="3345" y="3028"/>
                </a:lnTo>
                <a:lnTo>
                  <a:pt x="3371" y="3016"/>
                </a:lnTo>
                <a:lnTo>
                  <a:pt x="3399" y="3013"/>
                </a:lnTo>
                <a:close/>
                <a:moveTo>
                  <a:pt x="1965" y="2246"/>
                </a:moveTo>
                <a:lnTo>
                  <a:pt x="4322" y="2246"/>
                </a:lnTo>
                <a:lnTo>
                  <a:pt x="4388" y="2251"/>
                </a:lnTo>
                <a:lnTo>
                  <a:pt x="4451" y="2264"/>
                </a:lnTo>
                <a:lnTo>
                  <a:pt x="4510" y="2287"/>
                </a:lnTo>
                <a:lnTo>
                  <a:pt x="4565" y="2319"/>
                </a:lnTo>
                <a:lnTo>
                  <a:pt x="4616" y="2355"/>
                </a:lnTo>
                <a:lnTo>
                  <a:pt x="4659" y="2400"/>
                </a:lnTo>
                <a:lnTo>
                  <a:pt x="4697" y="2451"/>
                </a:lnTo>
                <a:lnTo>
                  <a:pt x="4728" y="2505"/>
                </a:lnTo>
                <a:lnTo>
                  <a:pt x="4751" y="2564"/>
                </a:lnTo>
                <a:lnTo>
                  <a:pt x="4764" y="2629"/>
                </a:lnTo>
                <a:lnTo>
                  <a:pt x="4769" y="2695"/>
                </a:lnTo>
                <a:lnTo>
                  <a:pt x="4769" y="4988"/>
                </a:lnTo>
                <a:lnTo>
                  <a:pt x="4764" y="5054"/>
                </a:lnTo>
                <a:lnTo>
                  <a:pt x="4751" y="5119"/>
                </a:lnTo>
                <a:lnTo>
                  <a:pt x="4728" y="5178"/>
                </a:lnTo>
                <a:lnTo>
                  <a:pt x="4698" y="5233"/>
                </a:lnTo>
                <a:lnTo>
                  <a:pt x="4660" y="5282"/>
                </a:lnTo>
                <a:lnTo>
                  <a:pt x="4616" y="5327"/>
                </a:lnTo>
                <a:lnTo>
                  <a:pt x="4566" y="5364"/>
                </a:lnTo>
                <a:lnTo>
                  <a:pt x="4510" y="5396"/>
                </a:lnTo>
                <a:lnTo>
                  <a:pt x="4451" y="5417"/>
                </a:lnTo>
                <a:lnTo>
                  <a:pt x="4388" y="5432"/>
                </a:lnTo>
                <a:lnTo>
                  <a:pt x="4322" y="5437"/>
                </a:lnTo>
                <a:lnTo>
                  <a:pt x="1784" y="5437"/>
                </a:lnTo>
                <a:lnTo>
                  <a:pt x="1747" y="5432"/>
                </a:lnTo>
                <a:lnTo>
                  <a:pt x="1716" y="5419"/>
                </a:lnTo>
                <a:lnTo>
                  <a:pt x="1690" y="5397"/>
                </a:lnTo>
                <a:lnTo>
                  <a:pt x="1668" y="5371"/>
                </a:lnTo>
                <a:lnTo>
                  <a:pt x="1655" y="5338"/>
                </a:lnTo>
                <a:lnTo>
                  <a:pt x="1650" y="5303"/>
                </a:lnTo>
                <a:lnTo>
                  <a:pt x="1655" y="5267"/>
                </a:lnTo>
                <a:lnTo>
                  <a:pt x="1668" y="5236"/>
                </a:lnTo>
                <a:lnTo>
                  <a:pt x="1690" y="5209"/>
                </a:lnTo>
                <a:lnTo>
                  <a:pt x="1716" y="5188"/>
                </a:lnTo>
                <a:lnTo>
                  <a:pt x="1747" y="5175"/>
                </a:lnTo>
                <a:lnTo>
                  <a:pt x="1784" y="5170"/>
                </a:lnTo>
                <a:lnTo>
                  <a:pt x="4322" y="5170"/>
                </a:lnTo>
                <a:lnTo>
                  <a:pt x="4362" y="5165"/>
                </a:lnTo>
                <a:lnTo>
                  <a:pt x="4400" y="5152"/>
                </a:lnTo>
                <a:lnTo>
                  <a:pt x="4435" y="5129"/>
                </a:lnTo>
                <a:lnTo>
                  <a:pt x="4463" y="5101"/>
                </a:lnTo>
                <a:lnTo>
                  <a:pt x="4484" y="5068"/>
                </a:lnTo>
                <a:lnTo>
                  <a:pt x="4497" y="5030"/>
                </a:lnTo>
                <a:lnTo>
                  <a:pt x="4502" y="4988"/>
                </a:lnTo>
                <a:lnTo>
                  <a:pt x="4502" y="2695"/>
                </a:lnTo>
                <a:lnTo>
                  <a:pt x="4497" y="2654"/>
                </a:lnTo>
                <a:lnTo>
                  <a:pt x="4484" y="2616"/>
                </a:lnTo>
                <a:lnTo>
                  <a:pt x="4463" y="2581"/>
                </a:lnTo>
                <a:lnTo>
                  <a:pt x="4435" y="2553"/>
                </a:lnTo>
                <a:lnTo>
                  <a:pt x="4400" y="2531"/>
                </a:lnTo>
                <a:lnTo>
                  <a:pt x="4362" y="2518"/>
                </a:lnTo>
                <a:lnTo>
                  <a:pt x="4322" y="2513"/>
                </a:lnTo>
                <a:lnTo>
                  <a:pt x="2069" y="2513"/>
                </a:lnTo>
                <a:lnTo>
                  <a:pt x="1965" y="2246"/>
                </a:lnTo>
                <a:close/>
                <a:moveTo>
                  <a:pt x="1612" y="2215"/>
                </a:moveTo>
                <a:lnTo>
                  <a:pt x="2222" y="3785"/>
                </a:lnTo>
                <a:lnTo>
                  <a:pt x="2235" y="3828"/>
                </a:lnTo>
                <a:lnTo>
                  <a:pt x="2242" y="3872"/>
                </a:lnTo>
                <a:lnTo>
                  <a:pt x="2242" y="3920"/>
                </a:lnTo>
                <a:lnTo>
                  <a:pt x="2237" y="3966"/>
                </a:lnTo>
                <a:lnTo>
                  <a:pt x="2225" y="4014"/>
                </a:lnTo>
                <a:lnTo>
                  <a:pt x="2207" y="4062"/>
                </a:lnTo>
                <a:lnTo>
                  <a:pt x="2181" y="4111"/>
                </a:lnTo>
                <a:lnTo>
                  <a:pt x="2150" y="4159"/>
                </a:lnTo>
                <a:lnTo>
                  <a:pt x="2110" y="4202"/>
                </a:lnTo>
                <a:lnTo>
                  <a:pt x="2066" y="4240"/>
                </a:lnTo>
                <a:lnTo>
                  <a:pt x="2016" y="4273"/>
                </a:lnTo>
                <a:lnTo>
                  <a:pt x="1962" y="4299"/>
                </a:lnTo>
                <a:lnTo>
                  <a:pt x="1906" y="4316"/>
                </a:lnTo>
                <a:lnTo>
                  <a:pt x="1850" y="4326"/>
                </a:lnTo>
                <a:lnTo>
                  <a:pt x="1794" y="4327"/>
                </a:lnTo>
                <a:lnTo>
                  <a:pt x="1738" y="4322"/>
                </a:lnTo>
                <a:lnTo>
                  <a:pt x="1685" y="4309"/>
                </a:lnTo>
                <a:lnTo>
                  <a:pt x="1634" y="4291"/>
                </a:lnTo>
                <a:lnTo>
                  <a:pt x="1584" y="4266"/>
                </a:lnTo>
                <a:lnTo>
                  <a:pt x="1540" y="4235"/>
                </a:lnTo>
                <a:lnTo>
                  <a:pt x="1499" y="4197"/>
                </a:lnTo>
                <a:lnTo>
                  <a:pt x="1462" y="4154"/>
                </a:lnTo>
                <a:lnTo>
                  <a:pt x="1431" y="4106"/>
                </a:lnTo>
                <a:lnTo>
                  <a:pt x="1406" y="4054"/>
                </a:lnTo>
                <a:lnTo>
                  <a:pt x="813" y="2525"/>
                </a:lnTo>
                <a:lnTo>
                  <a:pt x="1612" y="2215"/>
                </a:lnTo>
                <a:close/>
                <a:moveTo>
                  <a:pt x="468" y="368"/>
                </a:moveTo>
                <a:lnTo>
                  <a:pt x="439" y="375"/>
                </a:lnTo>
                <a:lnTo>
                  <a:pt x="410" y="389"/>
                </a:lnTo>
                <a:lnTo>
                  <a:pt x="387" y="411"/>
                </a:lnTo>
                <a:lnTo>
                  <a:pt x="371" y="436"/>
                </a:lnTo>
                <a:lnTo>
                  <a:pt x="363" y="465"/>
                </a:lnTo>
                <a:lnTo>
                  <a:pt x="361" y="495"/>
                </a:lnTo>
                <a:lnTo>
                  <a:pt x="368" y="525"/>
                </a:lnTo>
                <a:lnTo>
                  <a:pt x="828" y="1707"/>
                </a:lnTo>
                <a:lnTo>
                  <a:pt x="842" y="1733"/>
                </a:lnTo>
                <a:lnTo>
                  <a:pt x="864" y="1755"/>
                </a:lnTo>
                <a:lnTo>
                  <a:pt x="889" y="1770"/>
                </a:lnTo>
                <a:lnTo>
                  <a:pt x="918" y="1778"/>
                </a:lnTo>
                <a:lnTo>
                  <a:pt x="948" y="1778"/>
                </a:lnTo>
                <a:lnTo>
                  <a:pt x="979" y="1771"/>
                </a:lnTo>
                <a:lnTo>
                  <a:pt x="1007" y="1755"/>
                </a:lnTo>
                <a:lnTo>
                  <a:pt x="1029" y="1733"/>
                </a:lnTo>
                <a:lnTo>
                  <a:pt x="1045" y="1709"/>
                </a:lnTo>
                <a:lnTo>
                  <a:pt x="1055" y="1681"/>
                </a:lnTo>
                <a:lnTo>
                  <a:pt x="1057" y="1651"/>
                </a:lnTo>
                <a:lnTo>
                  <a:pt x="1048" y="1621"/>
                </a:lnTo>
                <a:lnTo>
                  <a:pt x="590" y="437"/>
                </a:lnTo>
                <a:lnTo>
                  <a:pt x="575" y="411"/>
                </a:lnTo>
                <a:lnTo>
                  <a:pt x="554" y="389"/>
                </a:lnTo>
                <a:lnTo>
                  <a:pt x="528" y="376"/>
                </a:lnTo>
                <a:lnTo>
                  <a:pt x="500" y="368"/>
                </a:lnTo>
                <a:lnTo>
                  <a:pt x="468" y="368"/>
                </a:lnTo>
                <a:close/>
                <a:moveTo>
                  <a:pt x="491" y="0"/>
                </a:moveTo>
                <a:lnTo>
                  <a:pt x="552" y="5"/>
                </a:lnTo>
                <a:lnTo>
                  <a:pt x="612" y="18"/>
                </a:lnTo>
                <a:lnTo>
                  <a:pt x="669" y="40"/>
                </a:lnTo>
                <a:lnTo>
                  <a:pt x="724" y="68"/>
                </a:lnTo>
                <a:lnTo>
                  <a:pt x="773" y="103"/>
                </a:lnTo>
                <a:lnTo>
                  <a:pt x="819" y="144"/>
                </a:lnTo>
                <a:lnTo>
                  <a:pt x="859" y="192"/>
                </a:lnTo>
                <a:lnTo>
                  <a:pt x="893" y="244"/>
                </a:lnTo>
                <a:lnTo>
                  <a:pt x="922" y="304"/>
                </a:lnTo>
                <a:lnTo>
                  <a:pt x="1586" y="2014"/>
                </a:lnTo>
                <a:lnTo>
                  <a:pt x="697" y="2360"/>
                </a:lnTo>
                <a:lnTo>
                  <a:pt x="33" y="648"/>
                </a:lnTo>
                <a:lnTo>
                  <a:pt x="13" y="587"/>
                </a:lnTo>
                <a:lnTo>
                  <a:pt x="2" y="525"/>
                </a:lnTo>
                <a:lnTo>
                  <a:pt x="0" y="462"/>
                </a:lnTo>
                <a:lnTo>
                  <a:pt x="7" y="401"/>
                </a:lnTo>
                <a:lnTo>
                  <a:pt x="20" y="342"/>
                </a:lnTo>
                <a:lnTo>
                  <a:pt x="40" y="284"/>
                </a:lnTo>
                <a:lnTo>
                  <a:pt x="69" y="230"/>
                </a:lnTo>
                <a:lnTo>
                  <a:pt x="104" y="180"/>
                </a:lnTo>
                <a:lnTo>
                  <a:pt x="145" y="134"/>
                </a:lnTo>
                <a:lnTo>
                  <a:pt x="193" y="93"/>
                </a:lnTo>
                <a:lnTo>
                  <a:pt x="246" y="60"/>
                </a:lnTo>
                <a:lnTo>
                  <a:pt x="305" y="32"/>
                </a:lnTo>
                <a:lnTo>
                  <a:pt x="366" y="12"/>
                </a:lnTo>
                <a:lnTo>
                  <a:pt x="429" y="2"/>
                </a:lnTo>
                <a:lnTo>
                  <a:pt x="491" y="0"/>
                </a:lnTo>
                <a:close/>
              </a:path>
            </a:pathLst>
          </a:custGeom>
          <a:solidFill>
            <a:schemeClr val="bg1"/>
          </a:solid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Calibri"/>
              <a:ea typeface="+mn-ea"/>
              <a:cs typeface="+mn-cs"/>
            </a:endParaRPr>
          </a:p>
        </p:txBody>
      </p:sp>
      <p:sp>
        <p:nvSpPr>
          <p:cNvPr id="12" name="TextBox 19"/>
          <p:cNvSpPr txBox="1">
            <a:spLocks noChangeArrowheads="1"/>
          </p:cNvSpPr>
          <p:nvPr/>
        </p:nvSpPr>
        <p:spPr bwMode="auto">
          <a:xfrm>
            <a:off x="1899460" y="4019806"/>
            <a:ext cx="3799068" cy="20313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spcBef>
                <a:spcPct val="20000"/>
              </a:spcBef>
              <a:buClr>
                <a:srgbClr val="FF6600"/>
              </a:buClr>
              <a:buFont typeface="Wingdings" panose="05000000000000000000" pitchFamily="2" charset="2"/>
              <a:buChar char="§"/>
              <a:defRPr sz="2400">
                <a:solidFill>
                  <a:srgbClr val="595959"/>
                </a:solidFill>
                <a:latin typeface="Calibri" panose="020F0502020204030204" pitchFamily="34" charset="0"/>
                <a:ea typeface="MS PGothic" panose="020B0600070205080204" pitchFamily="34" charset="-128"/>
              </a:defRPr>
            </a:lvl1pPr>
            <a:lvl2pPr marL="742950" indent="-285750">
              <a:spcBef>
                <a:spcPct val="20000"/>
              </a:spcBef>
              <a:buFont typeface="Arial" panose="020B0604020202020204" pitchFamily="34" charset="0"/>
              <a:buChar char="–"/>
              <a:defRPr sz="2200">
                <a:solidFill>
                  <a:srgbClr val="376092"/>
                </a:solidFill>
                <a:latin typeface="Calibri" panose="020F0502020204030204" pitchFamily="34" charset="0"/>
                <a:ea typeface="MS PGothic" panose="020B0600070205080204" pitchFamily="34" charset="-128"/>
              </a:defRPr>
            </a:lvl2pPr>
            <a:lvl3pPr marL="1143000" indent="-228600">
              <a:spcBef>
                <a:spcPct val="20000"/>
              </a:spcBef>
              <a:buFont typeface="Arial" panose="020B0604020202020204" pitchFamily="34" charset="0"/>
              <a:buChar char="•"/>
              <a:defRPr sz="2400">
                <a:solidFill>
                  <a:srgbClr val="595959"/>
                </a:solidFill>
                <a:latin typeface="Calibri" panose="020F0502020204030204" pitchFamily="34" charset="0"/>
                <a:ea typeface="MS PGothic" panose="020B0600070205080204" pitchFamily="34" charset="-128"/>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9pPr>
          </a:lstStyle>
          <a:p>
            <a:pPr marL="174625" marR="0" lvl="0" indent="-174625"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Managers report no difference in working with those with disabilities</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0"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Managers report improved culture</a:t>
            </a:r>
          </a:p>
          <a:p>
            <a:pPr marL="174625" marR="0" lvl="0" indent="-174625"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0"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Policy changes or work adjustments are good for everyone</a:t>
            </a:r>
          </a:p>
        </p:txBody>
      </p:sp>
      <p:sp>
        <p:nvSpPr>
          <p:cNvPr id="14" name="TextBox 19"/>
          <p:cNvSpPr txBox="1">
            <a:spLocks noChangeArrowheads="1"/>
          </p:cNvSpPr>
          <p:nvPr/>
        </p:nvSpPr>
        <p:spPr bwMode="auto">
          <a:xfrm>
            <a:off x="1997479" y="1869450"/>
            <a:ext cx="5863677" cy="147732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spcBef>
                <a:spcPct val="20000"/>
              </a:spcBef>
              <a:buClr>
                <a:srgbClr val="FF6600"/>
              </a:buClr>
              <a:buFont typeface="Wingdings" panose="05000000000000000000" pitchFamily="2" charset="2"/>
              <a:buChar char="§"/>
              <a:defRPr sz="2400">
                <a:solidFill>
                  <a:srgbClr val="595959"/>
                </a:solidFill>
                <a:latin typeface="Calibri" panose="020F0502020204030204" pitchFamily="34" charset="0"/>
                <a:ea typeface="MS PGothic" panose="020B0600070205080204" pitchFamily="34" charset="-128"/>
              </a:defRPr>
            </a:lvl1pPr>
            <a:lvl2pPr marL="742950" indent="-285750">
              <a:spcBef>
                <a:spcPct val="20000"/>
              </a:spcBef>
              <a:buFont typeface="Arial" panose="020B0604020202020204" pitchFamily="34" charset="0"/>
              <a:buChar char="–"/>
              <a:defRPr sz="2200">
                <a:solidFill>
                  <a:srgbClr val="376092"/>
                </a:solidFill>
                <a:latin typeface="Calibri" panose="020F0502020204030204" pitchFamily="34" charset="0"/>
                <a:ea typeface="MS PGothic" panose="020B0600070205080204" pitchFamily="34" charset="-128"/>
              </a:defRPr>
            </a:lvl2pPr>
            <a:lvl3pPr marL="1143000" indent="-228600">
              <a:spcBef>
                <a:spcPct val="20000"/>
              </a:spcBef>
              <a:buFont typeface="Arial" panose="020B0604020202020204" pitchFamily="34" charset="0"/>
              <a:buChar char="•"/>
              <a:defRPr sz="2400">
                <a:solidFill>
                  <a:srgbClr val="595959"/>
                </a:solidFill>
                <a:latin typeface="Calibri" panose="020F0502020204030204" pitchFamily="34" charset="0"/>
                <a:ea typeface="MS PGothic" panose="020B0600070205080204" pitchFamily="34" charset="-128"/>
              </a:defRPr>
            </a:lvl3pPr>
            <a:lvl4pPr marL="1600200" indent="-228600">
              <a:spcBef>
                <a:spcPct val="20000"/>
              </a:spcBef>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4pPr>
            <a:lvl5pPr marL="2057400" indent="-228600">
              <a:spcBef>
                <a:spcPct val="20000"/>
              </a:spcBef>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ea typeface="MS PGothic" panose="020B0600070205080204" pitchFamily="34" charset="-128"/>
              </a:defRPr>
            </a:lvl9pPr>
          </a:lstStyle>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0"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Increased talent pool</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0"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a:t>
            </a: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90% perform on par or better</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48% greater tenure</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40% less absenteeism</a:t>
            </a:r>
          </a:p>
          <a:p>
            <a:pPr marL="0" marR="0" lvl="0" indent="0" algn="l" defTabSz="914400" rtl="0" eaLnBrk="1" fontAlgn="auto" latinLnBrk="0" hangingPunct="1">
              <a:lnSpc>
                <a:spcPct val="100000"/>
              </a:lnSpc>
              <a:spcBef>
                <a:spcPct val="0"/>
              </a:spcBef>
              <a:spcAft>
                <a:spcPts val="0"/>
              </a:spcAft>
              <a:buClrTx/>
              <a:buSzTx/>
              <a:buFont typeface="Wingdings" panose="05000000000000000000" pitchFamily="2" charset="2"/>
              <a:buChar char="§"/>
              <a:tabLst/>
              <a:defRPr/>
            </a:pPr>
            <a:r>
              <a:rPr kumimoji="0" lang="en-US" altLang="en-US" sz="1800" b="1" i="0" u="none" strike="noStrike" kern="1200" cap="none" spc="0" normalizeH="0" baseline="0" noProof="0" dirty="0">
                <a:ln>
                  <a:noFill/>
                </a:ln>
                <a:solidFill>
                  <a:prstClr val="black"/>
                </a:solidFill>
                <a:effectLst/>
                <a:uLnTx/>
                <a:uFillTx/>
                <a:latin typeface="Arial" panose="020B0604020202020204" pitchFamily="34" charset="0"/>
                <a:ea typeface="MS PGothic" panose="020B0600070205080204" pitchFamily="34" charset="-128"/>
                <a:cs typeface="+mn-cs"/>
              </a:rPr>
              <a:t> $225B Market Opportunity</a:t>
            </a:r>
          </a:p>
        </p:txBody>
      </p:sp>
      <p:pic>
        <p:nvPicPr>
          <p:cNvPr id="15" name="Picture 38" descr="Bank of America Logo"/>
          <p:cNvPicPr>
            <a:picLocks noChangeAspect="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5919870" y="1378857"/>
            <a:ext cx="2324720" cy="7453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6" name="TextBox 15"/>
          <p:cNvSpPr txBox="1"/>
          <p:nvPr/>
        </p:nvSpPr>
        <p:spPr>
          <a:xfrm>
            <a:off x="2628756" y="1455196"/>
            <a:ext cx="1698157"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black"/>
                </a:solidFill>
                <a:effectLst/>
                <a:uLnTx/>
                <a:uFillTx/>
                <a:latin typeface="Calibri"/>
                <a:ea typeface="+mn-ea"/>
                <a:cs typeface="+mn-cs"/>
              </a:rPr>
              <a:t>Inclusion Works</a:t>
            </a:r>
          </a:p>
        </p:txBody>
      </p:sp>
      <p:pic>
        <p:nvPicPr>
          <p:cNvPr id="17" name="Picture 16" descr="Facebook logo."/>
          <p:cNvPicPr>
            <a:picLocks noChangeAspect="1"/>
          </p:cNvPicPr>
          <p:nvPr/>
        </p:nvPicPr>
        <p:blipFill>
          <a:blip r:embed="rId3" cstate="print"/>
          <a:stretch>
            <a:fillRect/>
          </a:stretch>
        </p:blipFill>
        <p:spPr>
          <a:xfrm>
            <a:off x="5990627" y="2278174"/>
            <a:ext cx="2253964" cy="815708"/>
          </a:xfrm>
          <a:prstGeom prst="rect">
            <a:avLst/>
          </a:prstGeom>
        </p:spPr>
      </p:pic>
      <p:pic>
        <p:nvPicPr>
          <p:cNvPr id="18" name="Picture 17" descr="SAP Logo. "/>
          <p:cNvPicPr>
            <a:picLocks noChangeAspect="1"/>
          </p:cNvPicPr>
          <p:nvPr/>
        </p:nvPicPr>
        <p:blipFill>
          <a:blip r:embed="rId4" cstate="print"/>
          <a:stretch>
            <a:fillRect/>
          </a:stretch>
        </p:blipFill>
        <p:spPr>
          <a:xfrm>
            <a:off x="5990627" y="4245792"/>
            <a:ext cx="2059092" cy="752471"/>
          </a:xfrm>
          <a:prstGeom prst="rect">
            <a:avLst/>
          </a:prstGeom>
        </p:spPr>
      </p:pic>
      <p:pic>
        <p:nvPicPr>
          <p:cNvPr id="19" name="Picture 18" descr="TD Bank logo."/>
          <p:cNvPicPr>
            <a:picLocks noChangeAspect="1"/>
          </p:cNvPicPr>
          <p:nvPr/>
        </p:nvPicPr>
        <p:blipFill>
          <a:blip r:embed="rId5" cstate="print"/>
          <a:stretch>
            <a:fillRect/>
          </a:stretch>
        </p:blipFill>
        <p:spPr>
          <a:xfrm>
            <a:off x="5990626" y="5185083"/>
            <a:ext cx="2134043" cy="886044"/>
          </a:xfrm>
          <a:prstGeom prst="rect">
            <a:avLst/>
          </a:prstGeom>
        </p:spPr>
      </p:pic>
      <p:pic>
        <p:nvPicPr>
          <p:cNvPr id="20" name="Picture 19" descr="Microsoft logo."/>
          <p:cNvPicPr>
            <a:picLocks noChangeAspect="1"/>
          </p:cNvPicPr>
          <p:nvPr/>
        </p:nvPicPr>
        <p:blipFill>
          <a:blip r:embed="rId6" cstate="print"/>
          <a:stretch>
            <a:fillRect/>
          </a:stretch>
        </p:blipFill>
        <p:spPr>
          <a:xfrm>
            <a:off x="5779172" y="3211702"/>
            <a:ext cx="2345497" cy="789863"/>
          </a:xfrm>
          <a:prstGeom prst="rect">
            <a:avLst/>
          </a:prstGeom>
        </p:spPr>
      </p:pic>
    </p:spTree>
    <p:extLst>
      <p:ext uri="{BB962C8B-B14F-4D97-AF65-F5344CB8AC3E}">
        <p14:creationId xmlns:p14="http://schemas.microsoft.com/office/powerpoint/2010/main" val="427912885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p:cNvSpPr txBox="1">
            <a:spLocks noGrp="1"/>
          </p:cNvSpPr>
          <p:nvPr>
            <p:ph type="title"/>
          </p:nvPr>
        </p:nvSpPr>
        <p:spPr>
          <a:xfrm>
            <a:off x="2480954" y="135074"/>
            <a:ext cx="6310282" cy="862875"/>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fontAlgn="auto">
              <a:spcAft>
                <a:spcPts val="0"/>
              </a:spcAft>
              <a:defRPr/>
            </a:pPr>
            <a:r>
              <a:rPr lang="en-US" sz="3200" b="1" dirty="0">
                <a:solidFill>
                  <a:schemeClr val="bg1"/>
                </a:solidFill>
                <a:latin typeface="Calibri" panose="020F0502020204030204" pitchFamily="34" charset="0"/>
                <a:cs typeface="Calibri" panose="020F0502020204030204" pitchFamily="34" charset="0"/>
              </a:rPr>
              <a:t>Employees with disabilities are more dedicated &amp; less likely to leave </a:t>
            </a:r>
          </a:p>
        </p:txBody>
      </p:sp>
      <p:sp>
        <p:nvSpPr>
          <p:cNvPr id="4" name="Slide Number Placeholder 3"/>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DD6B0BE3-79B2-4C48-BEC6-CF1237735459}"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6</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graphicFrame>
        <p:nvGraphicFramePr>
          <p:cNvPr id="3074" name="Object 2" descr="TABLE outlining key findings of the 2010 Kessler Foundation/NOD SURVEY OF EMPLOYMENT OF AMERICANS WITH DISABILITIES CONDUCTED BY: HARRIS INTERACTIVE OCTOBER 2010 http://www.adminitrustllc.com/wp-content/uploads/2013/12/Kessler-NOD-2010-Survey.pdf "/>
          <p:cNvGraphicFramePr>
            <a:graphicFrameLocks/>
          </p:cNvGraphicFramePr>
          <p:nvPr>
            <p:extLst>
              <p:ext uri="{D42A27DB-BD31-4B8C-83A1-F6EECF244321}">
                <p14:modId xmlns:p14="http://schemas.microsoft.com/office/powerpoint/2010/main" val="2041272171"/>
              </p:ext>
            </p:extLst>
          </p:nvPr>
        </p:nvGraphicFramePr>
        <p:xfrm>
          <a:off x="631050" y="1714500"/>
          <a:ext cx="7188200" cy="3886200"/>
        </p:xfrm>
        <a:graphic>
          <a:graphicData uri="http://schemas.openxmlformats.org/presentationml/2006/ole">
            <mc:AlternateContent xmlns:mc="http://schemas.openxmlformats.org/markup-compatibility/2006">
              <mc:Choice xmlns:v="urn:schemas-microsoft-com:vml" Requires="v">
                <p:oleObj spid="_x0000_s2070" name="Worksheet" r:id="rId3" imgW="6781725" imgH="4190989" progId="">
                  <p:embed/>
                </p:oleObj>
              </mc:Choice>
              <mc:Fallback>
                <p:oleObj name="Worksheet" r:id="rId3" imgW="6781725" imgH="4190989" progId="">
                  <p:embed/>
                  <p:pic>
                    <p:nvPicPr>
                      <p:cNvPr id="3074" name="Object 2"/>
                      <p:cNvPicPr>
                        <a:picLocks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631050" y="1714500"/>
                        <a:ext cx="7188200" cy="3886200"/>
                      </a:xfrm>
                      <a:prstGeom prst="rect">
                        <a:avLst/>
                      </a:prstGeom>
                      <a:noFill/>
                      <a:ln w="3175">
                        <a:solidFill>
                          <a:srgbClr val="000000"/>
                        </a:solidFill>
                        <a:miter lim="800000"/>
                        <a:headEnd/>
                        <a:tailEnd/>
                      </a:ln>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TextBox 9"/>
          <p:cNvSpPr txBox="1">
            <a:spLocks noChangeArrowheads="1"/>
          </p:cNvSpPr>
          <p:nvPr/>
        </p:nvSpPr>
        <p:spPr bwMode="auto">
          <a:xfrm>
            <a:off x="4530725" y="5715000"/>
            <a:ext cx="3790950" cy="3238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spAutoFit/>
          </a:bodyPr>
          <a:lstStyle>
            <a:lvl1pPr eaLnBrk="0" hangingPunct="0">
              <a:defRPr sz="2000">
                <a:solidFill>
                  <a:schemeClr val="tx1"/>
                </a:solidFill>
                <a:latin typeface="Arial" charset="0"/>
                <a:ea typeface="ＭＳ Ｐゴシック" charset="0"/>
                <a:cs typeface="Arial" charset="0"/>
              </a:defRPr>
            </a:lvl1pPr>
            <a:lvl2pPr marL="742950" indent="-285750" eaLnBrk="0" hangingPunct="0">
              <a:defRPr sz="2000">
                <a:solidFill>
                  <a:schemeClr val="tx1"/>
                </a:solidFill>
                <a:latin typeface="Arial" charset="0"/>
                <a:ea typeface="Arial" charset="0"/>
                <a:cs typeface="Arial" charset="0"/>
              </a:defRPr>
            </a:lvl2pPr>
            <a:lvl3pPr marL="1143000" indent="-228600" eaLnBrk="0" hangingPunct="0">
              <a:defRPr sz="2000">
                <a:solidFill>
                  <a:schemeClr val="tx1"/>
                </a:solidFill>
                <a:latin typeface="Arial" charset="0"/>
                <a:ea typeface="Arial" charset="0"/>
                <a:cs typeface="Arial" charset="0"/>
              </a:defRPr>
            </a:lvl3pPr>
            <a:lvl4pPr marL="1600200" indent="-228600" eaLnBrk="0" hangingPunct="0">
              <a:defRPr sz="2000">
                <a:solidFill>
                  <a:schemeClr val="tx1"/>
                </a:solidFill>
                <a:latin typeface="Arial" charset="0"/>
                <a:ea typeface="Arial" charset="0"/>
                <a:cs typeface="Arial" charset="0"/>
              </a:defRPr>
            </a:lvl4pPr>
            <a:lvl5pPr marL="2057400" indent="-228600" eaLnBrk="0" hangingPunct="0">
              <a:defRPr sz="2000">
                <a:solidFill>
                  <a:schemeClr val="tx1"/>
                </a:solidFill>
                <a:latin typeface="Arial" charset="0"/>
                <a:ea typeface="Arial" charset="0"/>
                <a:cs typeface="Arial" charset="0"/>
              </a:defRPr>
            </a:lvl5pPr>
            <a:lvl6pPr marL="2514600" indent="-228600" eaLnBrk="0" fontAlgn="base" hangingPunct="0">
              <a:spcBef>
                <a:spcPct val="0"/>
              </a:spcBef>
              <a:spcAft>
                <a:spcPct val="0"/>
              </a:spcAft>
              <a:defRPr sz="2000">
                <a:solidFill>
                  <a:schemeClr val="tx1"/>
                </a:solidFill>
                <a:latin typeface="Arial" charset="0"/>
                <a:ea typeface="Arial" charset="0"/>
                <a:cs typeface="Arial" charset="0"/>
              </a:defRPr>
            </a:lvl6pPr>
            <a:lvl7pPr marL="2971800" indent="-228600" eaLnBrk="0" fontAlgn="base" hangingPunct="0">
              <a:spcBef>
                <a:spcPct val="0"/>
              </a:spcBef>
              <a:spcAft>
                <a:spcPct val="0"/>
              </a:spcAft>
              <a:defRPr sz="2000">
                <a:solidFill>
                  <a:schemeClr val="tx1"/>
                </a:solidFill>
                <a:latin typeface="Arial" charset="0"/>
                <a:ea typeface="Arial" charset="0"/>
                <a:cs typeface="Arial" charset="0"/>
              </a:defRPr>
            </a:lvl7pPr>
            <a:lvl8pPr marL="3429000" indent="-228600" eaLnBrk="0" fontAlgn="base" hangingPunct="0">
              <a:spcBef>
                <a:spcPct val="0"/>
              </a:spcBef>
              <a:spcAft>
                <a:spcPct val="0"/>
              </a:spcAft>
              <a:defRPr sz="2000">
                <a:solidFill>
                  <a:schemeClr val="tx1"/>
                </a:solidFill>
                <a:latin typeface="Arial" charset="0"/>
                <a:ea typeface="Arial" charset="0"/>
                <a:cs typeface="Arial" charset="0"/>
              </a:defRPr>
            </a:lvl8pPr>
            <a:lvl9pPr marL="3886200" indent="-228600" eaLnBrk="0" fontAlgn="base" hangingPunct="0">
              <a:spcBef>
                <a:spcPct val="0"/>
              </a:spcBef>
              <a:spcAft>
                <a:spcPct val="0"/>
              </a:spcAft>
              <a:defRPr sz="2000">
                <a:solidFill>
                  <a:schemeClr val="tx1"/>
                </a:solidFill>
                <a:latin typeface="Arial" charset="0"/>
                <a:ea typeface="Arial" charset="0"/>
                <a:cs typeface="Arial" charset="0"/>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500" b="1" i="0" u="none" strike="noStrike" kern="1200" cap="none" spc="0" normalizeH="0" baseline="0" noProof="0" dirty="0">
                <a:ln>
                  <a:noFill/>
                </a:ln>
                <a:solidFill>
                  <a:prstClr val="black"/>
                </a:solidFill>
                <a:effectLst/>
                <a:uLnTx/>
                <a:uFillTx/>
                <a:latin typeface="Arial" charset="0"/>
                <a:ea typeface="ＭＳ Ｐゴシック" charset="0"/>
                <a:cs typeface="Arial" charset="0"/>
                <a:hlinkClick r:id="rId5"/>
              </a:rPr>
              <a:t>Source:  NOD –Kessler/Harris Poll 2010</a:t>
            </a:r>
            <a:endParaRPr kumimoji="0" lang="en-US" sz="1500" b="1" i="0" u="none" strike="noStrike" kern="1200" cap="none" spc="0" normalizeH="0" baseline="0" noProof="0" dirty="0">
              <a:ln>
                <a:noFill/>
              </a:ln>
              <a:solidFill>
                <a:prstClr val="black"/>
              </a:solidFill>
              <a:effectLst/>
              <a:uLnTx/>
              <a:uFillTx/>
              <a:latin typeface="Arial" charset="0"/>
              <a:ea typeface="ＭＳ Ｐゴシック" charset="0"/>
              <a:cs typeface="Arial" charset="0"/>
            </a:endParaRPr>
          </a:p>
        </p:txBody>
      </p:sp>
    </p:spTree>
    <p:extLst>
      <p:ext uri="{BB962C8B-B14F-4D97-AF65-F5344CB8AC3E}">
        <p14:creationId xmlns:p14="http://schemas.microsoft.com/office/powerpoint/2010/main" val="978624302"/>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1"/>
          <p:cNvSpPr>
            <a:spLocks noGrp="1"/>
          </p:cNvSpPr>
          <p:nvPr>
            <p:ph type="title"/>
          </p:nvPr>
        </p:nvSpPr>
        <p:spPr>
          <a:xfrm>
            <a:off x="5489140" y="203059"/>
            <a:ext cx="3487762" cy="609331"/>
          </a:xfrm>
        </p:spPr>
        <p:txBody>
          <a:bodyPr/>
          <a:lstStyle/>
          <a:p>
            <a:pPr eaLnBrk="1" hangingPunct="1">
              <a:defRPr/>
            </a:pPr>
            <a:r>
              <a:rPr lang="en-US" sz="3200" b="1" dirty="0">
                <a:solidFill>
                  <a:schemeClr val="bg1"/>
                </a:solidFill>
              </a:rPr>
              <a:t>Jobs in philanthropy</a:t>
            </a:r>
          </a:p>
        </p:txBody>
      </p:sp>
      <p:sp>
        <p:nvSpPr>
          <p:cNvPr id="3" name="Content Placeholder 2"/>
          <p:cNvSpPr>
            <a:spLocks noGrp="1"/>
          </p:cNvSpPr>
          <p:nvPr>
            <p:ph idx="1"/>
          </p:nvPr>
        </p:nvSpPr>
        <p:spPr>
          <a:xfrm>
            <a:off x="457200" y="1677743"/>
            <a:ext cx="7620000" cy="4800600"/>
          </a:xfrm>
        </p:spPr>
        <p:txBody>
          <a:bodyPr/>
          <a:lstStyle/>
          <a:p>
            <a:pPr>
              <a:buNone/>
            </a:pPr>
            <a:r>
              <a:rPr lang="en-US" sz="2000" b="1" dirty="0"/>
              <a:t>Grants Management</a:t>
            </a:r>
            <a:endParaRPr lang="en-US" sz="2000" dirty="0"/>
          </a:p>
          <a:p>
            <a:pPr lvl="1"/>
            <a:r>
              <a:rPr lang="en-US" sz="1800" dirty="0"/>
              <a:t>Operate against grant making strategy</a:t>
            </a:r>
          </a:p>
          <a:p>
            <a:pPr lvl="1"/>
            <a:r>
              <a:rPr lang="en-US" sz="1800" dirty="0"/>
              <a:t>Focuses on key issue areas for grant making</a:t>
            </a:r>
          </a:p>
          <a:p>
            <a:pPr lvl="1"/>
            <a:r>
              <a:rPr lang="en-US" sz="1800" dirty="0"/>
              <a:t>Works to create partnerships with foundations and non profit partners</a:t>
            </a:r>
          </a:p>
          <a:p>
            <a:pPr>
              <a:buNone/>
            </a:pPr>
            <a:r>
              <a:rPr lang="en-US" sz="2000" b="1" dirty="0"/>
              <a:t>Programs Management</a:t>
            </a:r>
            <a:endParaRPr lang="en-US" sz="2000" dirty="0"/>
          </a:p>
          <a:p>
            <a:pPr lvl="1"/>
            <a:r>
              <a:rPr lang="en-US" sz="1800" dirty="0"/>
              <a:t>Directs programs activities</a:t>
            </a:r>
          </a:p>
          <a:p>
            <a:pPr lvl="1"/>
            <a:r>
              <a:rPr lang="en-US" sz="1800" dirty="0"/>
              <a:t>Oversees grantees work</a:t>
            </a:r>
          </a:p>
          <a:p>
            <a:pPr lvl="1"/>
            <a:r>
              <a:rPr lang="en-US" sz="1800" dirty="0"/>
              <a:t>Manages relationships</a:t>
            </a:r>
          </a:p>
          <a:p>
            <a:pPr lvl="1"/>
            <a:r>
              <a:rPr lang="en-US" sz="1800" dirty="0"/>
              <a:t>Investigates and evaluates proposals, conducts due diligence on potential grantees</a:t>
            </a:r>
          </a:p>
          <a:p>
            <a:pPr>
              <a:buNone/>
            </a:pPr>
            <a:r>
              <a:rPr lang="en-US" sz="2000" b="1" dirty="0"/>
              <a:t>Operations</a:t>
            </a:r>
            <a:endParaRPr lang="en-US" sz="2000" dirty="0"/>
          </a:p>
          <a:p>
            <a:pPr lvl="1"/>
            <a:r>
              <a:rPr lang="en-US" sz="1800" dirty="0"/>
              <a:t>Finance</a:t>
            </a:r>
          </a:p>
          <a:p>
            <a:pPr lvl="1"/>
            <a:r>
              <a:rPr lang="en-US" sz="1800" dirty="0"/>
              <a:t>Accounting</a:t>
            </a:r>
          </a:p>
          <a:p>
            <a:pPr lvl="1"/>
            <a:r>
              <a:rPr lang="en-US" sz="1800" dirty="0"/>
              <a:t>Human Resources</a:t>
            </a:r>
          </a:p>
          <a:p>
            <a:pPr lvl="1"/>
            <a:r>
              <a:rPr lang="en-US" sz="1800" dirty="0"/>
              <a:t>Operations</a:t>
            </a:r>
          </a:p>
          <a:p>
            <a:endParaRPr lang="en-US" sz="2000" dirty="0"/>
          </a:p>
        </p:txBody>
      </p:sp>
      <p:sp>
        <p:nvSpPr>
          <p:cNvPr id="4" name="Slide Number Placeholder 3"/>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DD6B0BE3-79B2-4C48-BEC6-CF1237735459}"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7</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sp>
        <p:nvSpPr>
          <p:cNvPr id="6" name="TextBox 5"/>
          <p:cNvSpPr txBox="1"/>
          <p:nvPr/>
        </p:nvSpPr>
        <p:spPr>
          <a:xfrm>
            <a:off x="3013022" y="1263958"/>
            <a:ext cx="2322624"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black"/>
                </a:solidFill>
                <a:effectLst/>
                <a:uLnTx/>
                <a:uFillTx/>
                <a:latin typeface="Calibri"/>
                <a:ea typeface="+mn-ea"/>
                <a:cs typeface="+mn-cs"/>
              </a:rPr>
              <a:t>Overview of Job Types</a:t>
            </a:r>
          </a:p>
        </p:txBody>
      </p:sp>
    </p:spTree>
    <p:extLst>
      <p:ext uri="{BB962C8B-B14F-4D97-AF65-F5344CB8AC3E}">
        <p14:creationId xmlns:p14="http://schemas.microsoft.com/office/powerpoint/2010/main" val="3447054596"/>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CC7BB379-2C91-DE47-891C-9E8E67D61D38}"/>
              </a:ext>
            </a:extLst>
          </p:cNvPr>
          <p:cNvSpPr>
            <a:spLocks noGrp="1"/>
          </p:cNvSpPr>
          <p:nvPr>
            <p:ph type="title"/>
          </p:nvPr>
        </p:nvSpPr>
        <p:spPr>
          <a:xfrm>
            <a:off x="2943715" y="305380"/>
            <a:ext cx="5957525" cy="511546"/>
          </a:xfrm>
        </p:spPr>
        <p:txBody>
          <a:bodyPr/>
          <a:lstStyle/>
          <a:p>
            <a:r>
              <a:rPr lang="en-US" sz="3200" b="1" dirty="0">
                <a:solidFill>
                  <a:schemeClr val="bg1"/>
                </a:solidFill>
              </a:rPr>
              <a:t>What makes a good philanthropist</a:t>
            </a:r>
          </a:p>
        </p:txBody>
      </p:sp>
      <p:sp>
        <p:nvSpPr>
          <p:cNvPr id="4" name="Slide Number Placeholder 3"/>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DD6B0BE3-79B2-4C48-BEC6-CF1237735459}"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8</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sp>
        <p:nvSpPr>
          <p:cNvPr id="6" name="Rectangle 5">
            <a:extLst>
              <a:ext uri="{FF2B5EF4-FFF2-40B4-BE49-F238E27FC236}">
                <a16:creationId xmlns:a16="http://schemas.microsoft.com/office/drawing/2014/main" id="{60441337-CC7E-8241-8EE0-CE0228C49757}"/>
              </a:ext>
            </a:extLst>
          </p:cNvPr>
          <p:cNvSpPr/>
          <p:nvPr/>
        </p:nvSpPr>
        <p:spPr>
          <a:xfrm>
            <a:off x="442209" y="1484026"/>
            <a:ext cx="7620000" cy="1813809"/>
          </a:xfrm>
          <a:prstGeom prst="rect">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base"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alibri"/>
                <a:ea typeface="+mn-ea"/>
                <a:cs typeface="+mn-cs"/>
              </a:rPr>
              <a:t>Program staff are responsible for </a:t>
            </a:r>
            <a:r>
              <a:rPr kumimoji="0" lang="en-US" sz="1800" b="1" i="0" u="none" strike="noStrike" kern="1200" cap="none" spc="0" normalizeH="0" baseline="0" noProof="0" dirty="0">
                <a:ln>
                  <a:noFill/>
                </a:ln>
                <a:solidFill>
                  <a:prstClr val="black"/>
                </a:solidFill>
                <a:effectLst/>
                <a:uLnTx/>
                <a:uFillTx/>
                <a:latin typeface="Calibri"/>
                <a:ea typeface="+mn-ea"/>
                <a:cs typeface="+mn-cs"/>
              </a:rPr>
              <a:t>creating and implementing a </a:t>
            </a:r>
            <a:r>
              <a:rPr kumimoji="0" lang="en-US" sz="1800" b="1" i="0" u="none" strike="noStrike" kern="1200" cap="none" spc="0" normalizeH="0" baseline="0" noProof="0" dirty="0" err="1">
                <a:ln>
                  <a:noFill/>
                </a:ln>
                <a:solidFill>
                  <a:prstClr val="black"/>
                </a:solidFill>
                <a:effectLst/>
                <a:uLnTx/>
                <a:uFillTx/>
                <a:latin typeface="Calibri"/>
                <a:ea typeface="+mn-ea"/>
                <a:cs typeface="+mn-cs"/>
              </a:rPr>
              <a:t>grantmaking</a:t>
            </a:r>
            <a:r>
              <a:rPr kumimoji="0" lang="en-US" sz="1800" b="1" i="0" u="none" strike="noStrike" kern="1200" cap="none" spc="0" normalizeH="0" baseline="0" noProof="0" dirty="0">
                <a:ln>
                  <a:noFill/>
                </a:ln>
                <a:solidFill>
                  <a:prstClr val="black"/>
                </a:solidFill>
                <a:effectLst/>
                <a:uLnTx/>
                <a:uFillTx/>
                <a:latin typeface="Calibri"/>
                <a:ea typeface="+mn-ea"/>
                <a:cs typeface="+mn-cs"/>
              </a:rPr>
              <a:t> portfolio</a:t>
            </a:r>
            <a:r>
              <a:rPr kumimoji="0" lang="en-US" sz="1800" b="0" i="0" u="none" strike="noStrike" kern="1200" cap="none" spc="0" normalizeH="0" baseline="0" noProof="0" dirty="0">
                <a:ln>
                  <a:noFill/>
                </a:ln>
                <a:solidFill>
                  <a:prstClr val="black"/>
                </a:solidFill>
                <a:effectLst/>
                <a:uLnTx/>
                <a:uFillTx/>
                <a:latin typeface="Calibri"/>
                <a:ea typeface="+mn-ea"/>
                <a:cs typeface="+mn-cs"/>
              </a:rPr>
              <a:t> for the foundation that effectively addresses the foundation's core mission. Conducting </a:t>
            </a:r>
            <a:r>
              <a:rPr kumimoji="0" lang="en-US" sz="1800" b="1" i="0" u="none" strike="noStrike" kern="1200" cap="none" spc="0" normalizeH="0" baseline="0" noProof="0" dirty="0">
                <a:ln>
                  <a:noFill/>
                </a:ln>
                <a:solidFill>
                  <a:prstClr val="black"/>
                </a:solidFill>
                <a:effectLst/>
                <a:uLnTx/>
                <a:uFillTx/>
                <a:latin typeface="Calibri"/>
                <a:ea typeface="+mn-ea"/>
                <a:cs typeface="+mn-cs"/>
              </a:rPr>
              <a:t>research, evaluation, and analysis of potential programs, partnerships, and initiatives </a:t>
            </a:r>
            <a:r>
              <a:rPr kumimoji="0" lang="en-US" sz="1800" b="0" i="0" u="none" strike="noStrike" kern="1200" cap="none" spc="0" normalizeH="0" baseline="0" noProof="0" dirty="0">
                <a:ln>
                  <a:noFill/>
                </a:ln>
                <a:solidFill>
                  <a:prstClr val="black"/>
                </a:solidFill>
                <a:effectLst/>
                <a:uLnTx/>
                <a:uFillTx/>
                <a:latin typeface="Calibri"/>
                <a:ea typeface="+mn-ea"/>
                <a:cs typeface="+mn-cs"/>
              </a:rPr>
              <a:t>allows program staff to determine a course of action that helps the foundation address its primary issue areas. Among the skills and activities involved in program work are:</a:t>
            </a:r>
          </a:p>
        </p:txBody>
      </p:sp>
      <p:sp>
        <p:nvSpPr>
          <p:cNvPr id="7" name="TextBox 6">
            <a:extLst>
              <a:ext uri="{FF2B5EF4-FFF2-40B4-BE49-F238E27FC236}">
                <a16:creationId xmlns:a16="http://schemas.microsoft.com/office/drawing/2014/main" id="{5B04A953-F582-6B40-A8E7-0DF1011EF592}"/>
              </a:ext>
            </a:extLst>
          </p:cNvPr>
          <p:cNvSpPr txBox="1"/>
          <p:nvPr/>
        </p:nvSpPr>
        <p:spPr>
          <a:xfrm>
            <a:off x="3470223" y="1177796"/>
            <a:ext cx="2452255" cy="369332"/>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black"/>
                </a:solidFill>
                <a:effectLst/>
                <a:uLnTx/>
                <a:uFillTx/>
                <a:latin typeface="Calibri"/>
                <a:ea typeface="+mn-ea"/>
                <a:cs typeface="+mn-cs"/>
              </a:rPr>
              <a:t>Overview:</a:t>
            </a:r>
          </a:p>
        </p:txBody>
      </p:sp>
      <p:sp>
        <p:nvSpPr>
          <p:cNvPr id="14" name="TextBox 13"/>
          <p:cNvSpPr txBox="1"/>
          <p:nvPr/>
        </p:nvSpPr>
        <p:spPr>
          <a:xfrm>
            <a:off x="370358" y="3414093"/>
            <a:ext cx="7694350" cy="3293209"/>
          </a:xfrm>
          <a:prstGeom prst="rect">
            <a:avLst/>
          </a:prstGeom>
          <a:noFill/>
        </p:spPr>
        <p:txBody>
          <a:bodyPr wrap="square" rtlCol="0">
            <a:spAutoFit/>
          </a:bodyPr>
          <a:lstStyle/>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Adaptability</a:t>
            </a:r>
            <a:r>
              <a:rPr kumimoji="0" lang="en-US" sz="1600" b="0" i="0" u="none" strike="noStrike" kern="1200" cap="none" spc="0" normalizeH="0" baseline="0" noProof="0" dirty="0">
                <a:ln>
                  <a:noFill/>
                </a:ln>
                <a:solidFill>
                  <a:prstClr val="black"/>
                </a:solidFill>
                <a:effectLst/>
                <a:uLnTx/>
                <a:uFillTx/>
                <a:latin typeface="Calibri"/>
                <a:ea typeface="+mn-ea"/>
                <a:cs typeface="+mn-cs"/>
              </a:rPr>
              <a:t>: become knowledgeable in a broad range of areas or become a specialist</a:t>
            </a: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Offering thoughtful analysis</a:t>
            </a:r>
            <a:r>
              <a:rPr kumimoji="0" lang="en-US" sz="1600" b="0" i="0" u="none" strike="noStrike" kern="1200" cap="none" spc="0" normalizeH="0" baseline="0" noProof="0" dirty="0">
                <a:ln>
                  <a:noFill/>
                </a:ln>
                <a:solidFill>
                  <a:prstClr val="black"/>
                </a:solidFill>
                <a:effectLst/>
                <a:uLnTx/>
                <a:uFillTx/>
                <a:latin typeface="Calibri"/>
                <a:ea typeface="+mn-ea"/>
                <a:cs typeface="+mn-cs"/>
              </a:rPr>
              <a:t> of proposals</a:t>
            </a: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  The ability to </a:t>
            </a:r>
            <a:r>
              <a:rPr kumimoji="0" lang="en-US" sz="1600" b="1" i="0" u="none" strike="noStrike" kern="1200" cap="none" spc="0" normalizeH="0" baseline="0" noProof="0" dirty="0">
                <a:ln>
                  <a:noFill/>
                </a:ln>
                <a:solidFill>
                  <a:prstClr val="black"/>
                </a:solidFill>
                <a:effectLst/>
                <a:uLnTx/>
                <a:uFillTx/>
                <a:latin typeface="Calibri"/>
                <a:ea typeface="+mn-ea"/>
                <a:cs typeface="+mn-cs"/>
              </a:rPr>
              <a:t>synthesize large amounts of data</a:t>
            </a:r>
            <a:endParaRPr kumimoji="0" lang="en-US" sz="16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  Strong </a:t>
            </a:r>
            <a:r>
              <a:rPr kumimoji="0" lang="en-US" sz="1600" b="1" i="0" u="none" strike="noStrike" kern="1200" cap="none" spc="0" normalizeH="0" baseline="0" noProof="0" dirty="0">
                <a:ln>
                  <a:noFill/>
                </a:ln>
                <a:solidFill>
                  <a:prstClr val="black"/>
                </a:solidFill>
                <a:effectLst/>
                <a:uLnTx/>
                <a:uFillTx/>
                <a:latin typeface="Calibri"/>
                <a:ea typeface="+mn-ea"/>
                <a:cs typeface="+mn-cs"/>
              </a:rPr>
              <a:t>research skills</a:t>
            </a:r>
            <a:endParaRPr kumimoji="0" lang="en-US" sz="16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Reading proposals</a:t>
            </a:r>
            <a:endParaRPr kumimoji="0" lang="en-US" sz="16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0" i="0" u="none" strike="noStrike" kern="1200" cap="none" spc="0" normalizeH="0" baseline="0" noProof="0" dirty="0">
                <a:ln>
                  <a:noFill/>
                </a:ln>
                <a:solidFill>
                  <a:prstClr val="black"/>
                </a:solidFill>
                <a:effectLst/>
                <a:uLnTx/>
                <a:uFillTx/>
                <a:latin typeface="Calibri"/>
                <a:ea typeface="+mn-ea"/>
                <a:cs typeface="+mn-cs"/>
              </a:rPr>
              <a:t>  Writing </a:t>
            </a:r>
            <a:r>
              <a:rPr kumimoji="0" lang="en-US" sz="1600" b="1" i="0" u="none" strike="noStrike" kern="1200" cap="none" spc="0" normalizeH="0" baseline="0" noProof="0" dirty="0">
                <a:ln>
                  <a:noFill/>
                </a:ln>
                <a:solidFill>
                  <a:prstClr val="black"/>
                </a:solidFill>
                <a:effectLst/>
                <a:uLnTx/>
                <a:uFillTx/>
                <a:latin typeface="Calibri"/>
                <a:ea typeface="+mn-ea"/>
                <a:cs typeface="+mn-cs"/>
              </a:rPr>
              <a:t>reports and evaluations</a:t>
            </a:r>
            <a:endParaRPr kumimoji="0" lang="en-US" sz="16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Programmatic due diligence</a:t>
            </a:r>
            <a:endParaRPr kumimoji="0" lang="en-US" sz="16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Financial due diligence</a:t>
            </a:r>
            <a:endParaRPr kumimoji="0" lang="en-US" sz="16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Legal compliance</a:t>
            </a:r>
            <a:endParaRPr kumimoji="0" lang="en-US" sz="16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Reading financial statements</a:t>
            </a:r>
            <a:endParaRPr kumimoji="0" lang="en-US" sz="16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Visiting prospective grantees</a:t>
            </a:r>
            <a:endParaRPr kumimoji="0" lang="en-US" sz="16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Communicating</a:t>
            </a:r>
            <a:r>
              <a:rPr kumimoji="0" lang="en-US" sz="1600" b="0" i="0" u="none" strike="noStrike" kern="1200" cap="none" spc="0" normalizeH="0" baseline="0" noProof="0" dirty="0">
                <a:ln>
                  <a:noFill/>
                </a:ln>
                <a:solidFill>
                  <a:prstClr val="black"/>
                </a:solidFill>
                <a:effectLst/>
                <a:uLnTx/>
                <a:uFillTx/>
                <a:latin typeface="Calibri"/>
                <a:ea typeface="+mn-ea"/>
                <a:cs typeface="+mn-cs"/>
              </a:rPr>
              <a:t> with one’s board and staff</a:t>
            </a:r>
          </a:p>
          <a:p>
            <a:pPr marL="0" marR="0" lvl="0" indent="0" algn="l" defTabSz="914400" rtl="0" eaLnBrk="1" fontAlgn="base" latinLnBrk="0" hangingPunct="1">
              <a:lnSpc>
                <a:spcPct val="100000"/>
              </a:lnSpc>
              <a:spcBef>
                <a:spcPts val="0"/>
              </a:spcBef>
              <a:spcAft>
                <a:spcPts val="0"/>
              </a:spcAft>
              <a:buClrTx/>
              <a:buSzTx/>
              <a:buFont typeface="Wingdings" pitchFamily="2" charset="2"/>
              <a:buChar char="q"/>
              <a:tabLst/>
              <a:defRPr/>
            </a:pPr>
            <a:r>
              <a:rPr kumimoji="0" lang="en-US" sz="1600" b="1" i="0" u="none" strike="noStrike" kern="1200" cap="none" spc="0" normalizeH="0" baseline="0" noProof="0" dirty="0">
                <a:ln>
                  <a:noFill/>
                </a:ln>
                <a:solidFill>
                  <a:prstClr val="black"/>
                </a:solidFill>
                <a:effectLst/>
                <a:uLnTx/>
                <a:uFillTx/>
                <a:latin typeface="Calibri"/>
                <a:ea typeface="+mn-ea"/>
                <a:cs typeface="+mn-cs"/>
              </a:rPr>
              <a:t>  Answering questions </a:t>
            </a:r>
            <a:r>
              <a:rPr kumimoji="0" lang="en-US" sz="1600" b="0" i="0" u="none" strike="noStrike" kern="1200" cap="none" spc="0" normalizeH="0" baseline="0" noProof="0" dirty="0">
                <a:ln>
                  <a:noFill/>
                </a:ln>
                <a:solidFill>
                  <a:prstClr val="black"/>
                </a:solidFill>
                <a:effectLst/>
                <a:uLnTx/>
                <a:uFillTx/>
                <a:latin typeface="Calibri"/>
                <a:ea typeface="+mn-ea"/>
                <a:cs typeface="+mn-cs"/>
              </a:rPr>
              <a:t>from both potential grantees and from your colleagues</a:t>
            </a:r>
          </a:p>
        </p:txBody>
      </p:sp>
    </p:spTree>
    <p:extLst>
      <p:ext uri="{BB962C8B-B14F-4D97-AF65-F5344CB8AC3E}">
        <p14:creationId xmlns:p14="http://schemas.microsoft.com/office/powerpoint/2010/main" val="47350159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687691" y="63810"/>
            <a:ext cx="6340268" cy="1013046"/>
          </a:xfrm>
        </p:spPr>
        <p:txBody>
          <a:bodyPr/>
          <a:lstStyle/>
          <a:p>
            <a:r>
              <a:rPr lang="en-US" sz="3200" b="1" dirty="0">
                <a:solidFill>
                  <a:schemeClr val="bg1"/>
                </a:solidFill>
              </a:rPr>
              <a:t>Top 5 things to do to start a career in philanthropy</a:t>
            </a:r>
          </a:p>
        </p:txBody>
      </p:sp>
      <p:sp>
        <p:nvSpPr>
          <p:cNvPr id="3" name="Content Placeholder 2"/>
          <p:cNvSpPr>
            <a:spLocks noGrp="1"/>
          </p:cNvSpPr>
          <p:nvPr>
            <p:ph idx="1"/>
          </p:nvPr>
        </p:nvSpPr>
        <p:spPr>
          <a:xfrm>
            <a:off x="427219" y="1405328"/>
            <a:ext cx="7620000" cy="4800600"/>
          </a:xfrm>
        </p:spPr>
        <p:txBody>
          <a:bodyPr/>
          <a:lstStyle/>
          <a:p>
            <a:pPr marL="571500" lvl="0" indent="-457200">
              <a:buFont typeface="+mj-lt"/>
              <a:buAutoNum type="arabicPeriod"/>
            </a:pPr>
            <a:r>
              <a:rPr lang="en-US" sz="1900" b="1" dirty="0"/>
              <a:t>Get non profit experience:</a:t>
            </a:r>
            <a:r>
              <a:rPr lang="en-US" sz="1900" dirty="0"/>
              <a:t>   Work for a non profit in an area you are passionate about, or volunteer for your favorite non profit and learn how they run and operate.</a:t>
            </a:r>
          </a:p>
          <a:p>
            <a:pPr marL="571500" lvl="0" indent="-457200">
              <a:buFont typeface="+mj-lt"/>
              <a:buAutoNum type="arabicPeriod"/>
            </a:pPr>
            <a:r>
              <a:rPr lang="en-US" sz="1900" b="1" dirty="0"/>
              <a:t>Get Passionate On an Issue:</a:t>
            </a:r>
            <a:r>
              <a:rPr lang="en-US" sz="1900" dirty="0"/>
              <a:t>  Whether it is clean water, reducing plastic, human rights or saving the whales</a:t>
            </a:r>
          </a:p>
          <a:p>
            <a:pPr marL="571500" lvl="0" indent="-457200">
              <a:buFont typeface="+mj-lt"/>
              <a:buAutoNum type="arabicPeriod"/>
            </a:pPr>
            <a:r>
              <a:rPr lang="en-US" sz="1900" b="1" dirty="0"/>
              <a:t>Translate Skills &amp; Experience:</a:t>
            </a:r>
            <a:r>
              <a:rPr lang="en-US" sz="1900" dirty="0"/>
              <a:t>  Like any industry you have to speak the language.  Your corporate experience may not directly translate to a foundation.  Find a way to translate what you have done to your new career path.</a:t>
            </a:r>
          </a:p>
          <a:p>
            <a:pPr marL="571500" lvl="0" indent="-457200">
              <a:buFont typeface="+mj-lt"/>
              <a:buAutoNum type="arabicPeriod"/>
            </a:pPr>
            <a:r>
              <a:rPr lang="en-US" sz="1900" b="1" dirty="0"/>
              <a:t>Build Relationships &amp; Be Flexible</a:t>
            </a:r>
            <a:r>
              <a:rPr lang="en-US" sz="1900" dirty="0"/>
              <a:t>:  Meet as many people as you can to learn more about philanthropy.  You may also have to be opportunistic and not take the “perfect job” but the next right job to get to your goal.</a:t>
            </a:r>
          </a:p>
          <a:p>
            <a:pPr marL="571500" lvl="0" indent="-457200">
              <a:buFont typeface="+mj-lt"/>
              <a:buAutoNum type="arabicPeriod"/>
            </a:pPr>
            <a:r>
              <a:rPr lang="en-US" sz="1900" b="1" dirty="0"/>
              <a:t>Consider Multiple Options in Philanthropy:</a:t>
            </a:r>
            <a:r>
              <a:rPr lang="en-US" sz="1900" dirty="0"/>
              <a:t>  Philanthropy can happen within corporations, or municipalities – not just foundations.  Look for your opportunities outside of big foundations.</a:t>
            </a:r>
          </a:p>
          <a:p>
            <a:endParaRPr lang="en-US" sz="1900" dirty="0"/>
          </a:p>
        </p:txBody>
      </p:sp>
      <p:sp>
        <p:nvSpPr>
          <p:cNvPr id="4" name="Slide Number Placeholder 3"/>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DD6B0BE3-79B2-4C48-BEC6-CF1237735459}" type="slidenum">
              <a:rPr kumimoji="0" lang="en-US" sz="1800" b="0" i="0" u="none" strike="noStrike" kern="1200" cap="none" spc="0" normalizeH="0" baseline="0" noProof="0" smtClean="0">
                <a:ln>
                  <a:noFill/>
                </a:ln>
                <a:solidFill>
                  <a:srgbClr val="FFFFFF"/>
                </a:solidFill>
                <a:effectLst/>
                <a:uLnTx/>
                <a:uFillTx/>
                <a:latin typeface="Calibri"/>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9</a:t>
            </a:fld>
            <a:endParaRPr kumimoji="0" lang="en-US" sz="1800" b="0" i="0" u="none" strike="noStrike" kern="1200" cap="none" spc="0" normalizeH="0" baseline="0" noProof="0" dirty="0">
              <a:ln>
                <a:noFill/>
              </a:ln>
              <a:solidFill>
                <a:srgbClr val="FFFFFF"/>
              </a:solidFill>
              <a:effectLst/>
              <a:uLnTx/>
              <a:uFillTx/>
              <a:latin typeface="Calibri"/>
              <a:ea typeface="+mn-ea"/>
              <a:cs typeface="+mn-cs"/>
            </a:endParaRPr>
          </a:p>
        </p:txBody>
      </p:sp>
    </p:spTree>
    <p:extLst>
      <p:ext uri="{BB962C8B-B14F-4D97-AF65-F5344CB8AC3E}">
        <p14:creationId xmlns:p14="http://schemas.microsoft.com/office/powerpoint/2010/main" val="338518916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307991563"/>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846538828"/>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619449084"/>
</p:tagLst>
</file>

<file path=ppt/theme/theme1.xml><?xml version="1.0" encoding="utf-8"?>
<a:theme xmlns:a="http://schemas.openxmlformats.org/drawingml/2006/main" name="1_Office Theme">
  <a:themeElements>
    <a:clrScheme name="Office">
      <a:dk1>
        <a:srgbClr val="000000"/>
      </a:dk1>
      <a:lt1>
        <a:srgbClr val="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2_Office Theme">
  <a:themeElements>
    <a:clrScheme name="Office">
      <a:dk1>
        <a:srgbClr val="000000"/>
      </a:dk1>
      <a:lt1>
        <a:srgbClr val="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RA Theme">
  <a:themeElements>
    <a:clrScheme name="Office">
      <a:dk1>
        <a:srgbClr val="000000"/>
      </a:dk1>
      <a:lt1>
        <a:srgbClr val="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RA Theme" id="{E26F8741-DD03-4FFD-BE35-187FE22C466C}" vid="{C8B514DB-4D88-4686-8114-1CABDC3B1E48}"/>
    </a:ext>
  </a:extLst>
</a:theme>
</file>

<file path=ppt/theme/theme4.xml><?xml version="1.0" encoding="utf-8"?>
<a:theme xmlns:a="http://schemas.openxmlformats.org/drawingml/2006/main" name="Office Theme">
  <a:themeElements>
    <a:clrScheme name="Office">
      <a:dk1>
        <a:srgbClr val="000000"/>
      </a:dk1>
      <a:lt1>
        <a:srgbClr val="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6.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docProps/app.xml><?xml version="1.0" encoding="utf-8"?>
<Properties xmlns="http://schemas.openxmlformats.org/officeDocument/2006/extended-properties" xmlns:vt="http://schemas.openxmlformats.org/officeDocument/2006/docPropsVTypes">
  <TotalTime>16744</TotalTime>
  <Words>1535</Words>
  <Application>Microsoft Office PowerPoint</Application>
  <PresentationFormat>On-screen Show (4:3)</PresentationFormat>
  <Paragraphs>235</Paragraphs>
  <Slides>18</Slides>
  <Notes>9</Notes>
  <HiddenSlides>0</HiddenSlides>
  <MMClips>0</MMClips>
  <ScaleCrop>false</ScaleCrop>
  <HeadingPairs>
    <vt:vector size="8" baseType="variant">
      <vt:variant>
        <vt:lpstr>Fonts Used</vt:lpstr>
      </vt:variant>
      <vt:variant>
        <vt:i4>18</vt:i4>
      </vt:variant>
      <vt:variant>
        <vt:lpstr>Theme</vt:lpstr>
      </vt:variant>
      <vt:variant>
        <vt:i4>4</vt:i4>
      </vt:variant>
      <vt:variant>
        <vt:lpstr>Embedded OLE Servers</vt:lpstr>
      </vt:variant>
      <vt:variant>
        <vt:i4>1</vt:i4>
      </vt:variant>
      <vt:variant>
        <vt:lpstr>Slide Titles</vt:lpstr>
      </vt:variant>
      <vt:variant>
        <vt:i4>18</vt:i4>
      </vt:variant>
    </vt:vector>
  </HeadingPairs>
  <TitlesOfParts>
    <vt:vector size="41" baseType="lpstr">
      <vt:lpstr>MS PGothic</vt:lpstr>
      <vt:lpstr>MS PGothic</vt:lpstr>
      <vt:lpstr>宋体</vt:lpstr>
      <vt:lpstr>宋体</vt:lpstr>
      <vt:lpstr>Arial</vt:lpstr>
      <vt:lpstr>Arial Black</vt:lpstr>
      <vt:lpstr>Baskerville</vt:lpstr>
      <vt:lpstr>Calibri</vt:lpstr>
      <vt:lpstr>Cambria</vt:lpstr>
      <vt:lpstr>Georgia</vt:lpstr>
      <vt:lpstr>Lato</vt:lpstr>
      <vt:lpstr>Libre Baskerville</vt:lpstr>
      <vt:lpstr>Marlett</vt:lpstr>
      <vt:lpstr>Noto Sans Symbols</vt:lpstr>
      <vt:lpstr>Times New Roman</vt:lpstr>
      <vt:lpstr>Verdana</vt:lpstr>
      <vt:lpstr>Wingdings</vt:lpstr>
      <vt:lpstr>Wingdings 3</vt:lpstr>
      <vt:lpstr>1_Office Theme</vt:lpstr>
      <vt:lpstr>2_Office Theme</vt:lpstr>
      <vt:lpstr>RA Theme</vt:lpstr>
      <vt:lpstr>Office Theme</vt:lpstr>
      <vt:lpstr>Worksheet</vt:lpstr>
      <vt:lpstr>Advancing Inclusion – Careers in Philanthropy for Professionals with Disabilities November 7th, 2018 Webinar </vt:lpstr>
      <vt:lpstr>About Our Speakers</vt:lpstr>
      <vt:lpstr>There are 22 million working age Americans with disabilities</vt:lpstr>
      <vt:lpstr>Over 12,000 jobs in philanthropy today      - LinkedIn</vt:lpstr>
      <vt:lpstr>Benefits of disability inclusion</vt:lpstr>
      <vt:lpstr>Employees with disabilities are more dedicated &amp; less likely to leave </vt:lpstr>
      <vt:lpstr>Jobs in philanthropy</vt:lpstr>
      <vt:lpstr>What makes a good philanthropist</vt:lpstr>
      <vt:lpstr>Top 5 things to do to start a career in philanthropy</vt:lpstr>
      <vt:lpstr>History of strategic philanthropy for disability employment</vt:lpstr>
      <vt:lpstr>Sample strategy from the Poses Family Foundation Workplace Initiative</vt:lpstr>
      <vt:lpstr>We focused on delivery and initial scale </vt:lpstr>
      <vt:lpstr>Our work informed opportunities </vt:lpstr>
      <vt:lpstr>Examples: The Ford Foundation Includes Disability</vt:lpstr>
      <vt:lpstr>  Examples: JP Morgan Chase  </vt:lpstr>
      <vt:lpstr>Examples: MacArthur Foundation newly including disability</vt:lpstr>
      <vt:lpstr>Resources for your Job Hunt</vt:lpstr>
      <vt:lpstr>Philanthropy Serving Organizations  </vt:lpstr>
    </vt:vector>
  </TitlesOfParts>
  <Company>adayatthemindspa</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Laurie Silver</dc:creator>
  <cp:lastModifiedBy>Philip Kahn-Pauli</cp:lastModifiedBy>
  <cp:revision>481</cp:revision>
  <cp:lastPrinted>2018-03-13T20:01:01Z</cp:lastPrinted>
  <dcterms:created xsi:type="dcterms:W3CDTF">2018-03-08T17:58:42Z</dcterms:created>
  <dcterms:modified xsi:type="dcterms:W3CDTF">2018-11-07T17:39:23Z</dcterms:modified>
</cp:coreProperties>
</file>